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3\02. Oddelenie VO\01. Prebiehajúce zákazky\04. Juraj\12 - 2021 - 414. (Príprava) Termodezinfektor\03. Príprava\04. PTK\01. Odoslanie PTK\"/>
    </mc:Choice>
  </mc:AlternateContent>
  <bookViews>
    <workbookView xWindow="0" yWindow="0" windowWidth="23040" windowHeight="9195"/>
  </bookViews>
  <sheets>
    <sheet name="Cenová ponuka" sheetId="8" r:id="rId1"/>
  </sheets>
  <definedNames>
    <definedName name="_xlnm.Print_Area" localSheetId="0">'Cenová ponuka'!$B$1:$F$207</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49" uniqueCount="301">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7.</t>
  </si>
  <si>
    <t>12.</t>
  </si>
  <si>
    <t>13.</t>
  </si>
  <si>
    <t>15.</t>
  </si>
  <si>
    <t>16.</t>
  </si>
  <si>
    <t>17.</t>
  </si>
  <si>
    <t>18.</t>
  </si>
  <si>
    <t>19.</t>
  </si>
  <si>
    <t>20.</t>
  </si>
  <si>
    <t>21.</t>
  </si>
  <si>
    <t>22.</t>
  </si>
  <si>
    <t>23.</t>
  </si>
  <si>
    <t>24.</t>
  </si>
  <si>
    <t>25.</t>
  </si>
  <si>
    <t>Kalkulácia ceny a návrh na plnenie kritéria na vyhodnotenie ponúk - Štruktúrovaný rozpočet ceny predmetu zákazky</t>
  </si>
  <si>
    <t>Termodezinfektor</t>
  </si>
  <si>
    <t>33191000-5   Sterilizačné, dezinfekčné a hygienické prístroje</t>
  </si>
  <si>
    <t>Položka č. 1 - Termodezinfektor</t>
  </si>
  <si>
    <t>Položka č. 2</t>
  </si>
  <si>
    <t>Pozáručný servis pre položku č.1</t>
  </si>
  <si>
    <t>mesiac</t>
  </si>
  <si>
    <t>umiestnenie: na zemi, flexibilné hadice na pripojenie teplej, studenej vody, prívod elektrickej energie a odpadu smerom do podlahy</t>
  </si>
  <si>
    <t>plne automatický</t>
  </si>
  <si>
    <t>rozmery: max. 800 x 710 x 1970 mm (š x h x v)</t>
  </si>
  <si>
    <t>mikroprocesorové riadenie</t>
  </si>
  <si>
    <t>konštrukcia a panely, umývacia komora vyrobené z nerezovej ocele</t>
  </si>
  <si>
    <t>digitálne zobrazenie teploty umývania a dezinfekcie na informačnom displeji</t>
  </si>
  <si>
    <t>tepelná dezinfekcia</t>
  </si>
  <si>
    <t>vizuálna indikácia ukončenia programu a indikácia zostávajúcej doby cyklu</t>
  </si>
  <si>
    <t>panel s informačným displejom - monitorovanie umývacích procesov, číslo šarže, teplota, umývací tlak, doba cyklu</t>
  </si>
  <si>
    <t>integrovaná tlačiareň v prístroji</t>
  </si>
  <si>
    <t>vizuálna indikácia poruchy + číselné označenie poruchy s popisom</t>
  </si>
  <si>
    <t>bezpečnostné uzatvorenie dverí počas umývania a dezinfekcie</t>
  </si>
  <si>
    <t>min. 7" farebný "touchscreen" ovládací displej + USB port</t>
  </si>
  <si>
    <t>autodiagnostika prístroja cez ovládanie prístroja alebo vzdialený prístup</t>
  </si>
  <si>
    <t>možnosť viacúčelového systému ochranného kódovania pre užívateľov a autorizovanú osobu</t>
  </si>
  <si>
    <t>rotujúce umývacie ramená</t>
  </si>
  <si>
    <t>dvere na čistej a špinavej strane vybavené skleneným otvorom</t>
  </si>
  <si>
    <t>automatická ovládanie tlaku peny a umývacej vody</t>
  </si>
  <si>
    <t xml:space="preserve">ochrana proti nízkej teplote a prehriatiu </t>
  </si>
  <si>
    <t>kalové filtre</t>
  </si>
  <si>
    <t>výtokový ochranný ventil</t>
  </si>
  <si>
    <t>ventil brániaci spätnému rázu</t>
  </si>
  <si>
    <t>protizápachový uzáver</t>
  </si>
  <si>
    <t>indikácia navoleného programu + zobrazenie fáze</t>
  </si>
  <si>
    <t>pumpa na čistiaci prostriedok a neutralizačný prostriedok s prietokovým senzorom</t>
  </si>
  <si>
    <t>26.</t>
  </si>
  <si>
    <t>presné dávkovanie čistiacich a dezinfekčných látok s peristatickými čerpadlami, kontrola prietoku a voliteľné meranie objemu</t>
  </si>
  <si>
    <t>27.</t>
  </si>
  <si>
    <t>integrovaný priestor pre zásobníky chemikálií</t>
  </si>
  <si>
    <t>28.</t>
  </si>
  <si>
    <t>pripojenie odťahu so spätnou klapkou proti návratu kondenzu</t>
  </si>
  <si>
    <t>29.</t>
  </si>
  <si>
    <t>sušiaca jednotka integrovaná v zariadení predfiltrom a filtrom hepa triedy H13</t>
  </si>
  <si>
    <t>30.</t>
  </si>
  <si>
    <t>sledovanie kvality filtrov a indikácia výmeny</t>
  </si>
  <si>
    <t>31.</t>
  </si>
  <si>
    <t>čerpadlo alebo solenoidový ventil na demineralizovanú vodu</t>
  </si>
  <si>
    <t>32.</t>
  </si>
  <si>
    <t>sledovanie kvality filtrov a indikácia zmeny</t>
  </si>
  <si>
    <t>33.</t>
  </si>
  <si>
    <t>zdroj na termodezinfekciu integrovaný v zariadení</t>
  </si>
  <si>
    <t>34.</t>
  </si>
  <si>
    <t>odpad zo sifónom a ochranou proti vzduchovým bublinám typu A</t>
  </si>
  <si>
    <t>35.</t>
  </si>
  <si>
    <t>výpustný ventil</t>
  </si>
  <si>
    <t>36.</t>
  </si>
  <si>
    <t>splnenie požiadaviek normy ISO EN 15883 časť 1 a 2, ISO 14001, ISO 13485, IEC 61010-2-40, CE 0537</t>
  </si>
  <si>
    <t>37.</t>
  </si>
  <si>
    <t>Príslušenstvo:</t>
  </si>
  <si>
    <t>37.1</t>
  </si>
  <si>
    <t>Sitá s vrchnákom typ 1</t>
  </si>
  <si>
    <t>37.1.1</t>
  </si>
  <si>
    <t>Počet:  6 ks</t>
  </si>
  <si>
    <t>37.1.2</t>
  </si>
  <si>
    <t>340 x 250 x 70 mm (š x h x v), tolerancia ±0,5 mm</t>
  </si>
  <si>
    <t>37.2</t>
  </si>
  <si>
    <t>Sitá s vrchnákom typ 2</t>
  </si>
  <si>
    <t>37.2.1</t>
  </si>
  <si>
    <t>37.2.2</t>
  </si>
  <si>
    <t>450 x 340 x 70 mm (š x h x v), tolerancia ±0,5 mm</t>
  </si>
  <si>
    <t>37.3</t>
  </si>
  <si>
    <t>Sitá s vrchnákom typ 3</t>
  </si>
  <si>
    <t>37.3.1</t>
  </si>
  <si>
    <t>37.3.2</t>
  </si>
  <si>
    <t>250 x 170 x 70 mm (š x h x v), tolerancia ±0,5 mm</t>
  </si>
  <si>
    <t>37.4</t>
  </si>
  <si>
    <t xml:space="preserve">Stojan na operačnú obuv s min. 28 držiakmi </t>
  </si>
  <si>
    <t>Servisná starostlivosť o zariadenie vo vlastníctve objednávateľa</t>
  </si>
  <si>
    <t>Plán údržby a revízii</t>
  </si>
  <si>
    <t>3</t>
  </si>
  <si>
    <t>O každom zásahu vedenie servisnej správy podpísanej zodpovednou osobou objednávateľa</t>
  </si>
  <si>
    <t>4</t>
  </si>
  <si>
    <t>Oprava zariadení v prípade nefunkčnosti v dôsledku poruchy</t>
  </si>
  <si>
    <t>5</t>
  </si>
  <si>
    <t>Služba umožňujúca objednávateľovi zasielať požiadavky online</t>
  </si>
  <si>
    <t>6</t>
  </si>
  <si>
    <t>Nástup na opravu do 24 hodín od nahlásenia poruchy</t>
  </si>
  <si>
    <t>7</t>
  </si>
  <si>
    <t>Odstránenie poruchy do 72 hodín, v prípade nedostupnosti náhradného dielu, po dohode s objednávateľom.</t>
  </si>
  <si>
    <t>8</t>
  </si>
  <si>
    <t>Vykonávanie opráv v čase od 7:00 do 15:00</t>
  </si>
  <si>
    <t>9</t>
  </si>
  <si>
    <t>Použivanie len originálnych náhradných dielov</t>
  </si>
  <si>
    <t>10</t>
  </si>
  <si>
    <t xml:space="preserve">Oprávnenie dodávateľa na servis výrobkov - predloží víťaz </t>
  </si>
  <si>
    <t>11</t>
  </si>
  <si>
    <t xml:space="preserve">Osvedčenie servisného technika na servis zariadení výrobcu - predloží víťaz </t>
  </si>
  <si>
    <t>Termodezinfektor vrátane pozáručného servisu</t>
  </si>
  <si>
    <t>Požaduje sa uzatvorenie kúpnej zmluvy s pozáručným servisom.</t>
  </si>
  <si>
    <t>Požaduje sa splnenie predmetu zákazky:</t>
  </si>
  <si>
    <t>2.1.</t>
  </si>
  <si>
    <t>do 60 pracovných dní odo dňa nadobudnutia účinnosti uzatvorenej zmluvy (do termínu sa nezapočítavajú dni pracovného voľna, pracovného pokoja a štátne sviatky),</t>
  </si>
  <si>
    <t>2.2.</t>
  </si>
  <si>
    <t>v pracovných dňoch,</t>
  </si>
  <si>
    <t>2.3.</t>
  </si>
  <si>
    <t>v čase od 07:00 hod. do 14:30 hod.,</t>
  </si>
  <si>
    <t>2.4.</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2.5.</t>
  </si>
  <si>
    <t>po predchádzajúcom preukázateľnom upovedomení Objednávateľa minimálne 5 pracovných dní vopred tak, aby Objednávateľ mohol poskynúť potrebnú súčinnosť pri dodaní,</t>
  </si>
  <si>
    <t>2.6.</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tovaru podľa aktuálne platného colného sadzobníka,
- údaj o krajine pôvodu tovaru (t. j. krajina kde bol tovar vyrobený).</t>
  </si>
  <si>
    <t xml:space="preserve">Objednávateľ zabezpečí za účelom prevzatia prístroja prístup pre osoby poverené Dodávateľom na čas nevyhnutný na vyloženie, kompletizáciu a inštaláciu prístroja. </t>
  </si>
  <si>
    <t>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pstupcom Objednávateľa.</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poskytuje na prístroj a všetky jeho súčasti komplexnú záruku v trvaní 24 mesiacov odo dňa, kedy je prístroj uvedený do prevádzky. Uvedenie prístroja do prevádzky a začiatok plynutia záručnej doby sa potvrdí na preberacom protokole, ktorý podpíšu obe zmluvné strany, t.j. Dodávateľ a Objednávateľ, resp. ich oprávnení zástupcovia. Uvedená záručná doba sa automaticky predlžuje o dobu, po ktorú nemohol byť prístroj využívaný na účel, na ktorý je určený, a to z dôvodov na ktoré sa vzťahuje záruka. </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9.1.</t>
  </si>
  <si>
    <t>oprava vád a porúch prístroja, t. j. uvedenie prístroja do stavu plnej využiteľnosti vzhľadom k jeho technickým parametrom,</t>
  </si>
  <si>
    <t>9.2.</t>
  </si>
  <si>
    <t>dodávka a výmena všetkých potrebných náhradných dielov a súčiastok v prípade ich poruchy, ktoré sami o sebe majú kratšiu dobu životnosti, alebo kratšiu záručnú dobu, ako je záručná doba poskytovaná Dodávateľom,</t>
  </si>
  <si>
    <t>9.3.</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9.4.</t>
  </si>
  <si>
    <t>dodávky a zabudovanie náhradných dielov, ktoré sú potrebné k riadnej a bezporuchovej prevádzke prístroja, vrátane demontáže, odvozu a likvidácie použitého a nepotrebného spotrebného materiálu a náhradných dielov,</t>
  </si>
  <si>
    <t>9.5.</t>
  </si>
  <si>
    <t>vykonanie validácií a kalibrácií prístroja (resp. jeho relevantných častí) s periodicitou podľa odporúčania výrobcu prístroja, minimálne však jedenkrát ročne,</t>
  </si>
  <si>
    <t>9.6.</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9.7.</t>
  </si>
  <si>
    <t>vykonanie ďalších servisných úkonov a činností predpísaných príslušnou právnou úpravou a aplikovateľnými normami,</t>
  </si>
  <si>
    <t>9.8.</t>
  </si>
  <si>
    <t>práce (servisné hodiny) a dojazdy servisných technikov Dodávateľa do miesta inštalácie prístroja v rámci zabezpečenia záručného servisu,</t>
  </si>
  <si>
    <t>9.9.</t>
  </si>
  <si>
    <t>vykonanie akýchkoľvek neplánovaných opráv a údržby, ktoré nevyplývajú zo servisného plánu výrobcu prístroja, ak takáto oprava je nevyhnutná za účelom zabezpečenia prevádzky prístroja, vrátane generálnej opravy,</t>
  </si>
  <si>
    <t>9.10.</t>
  </si>
  <si>
    <t xml:space="preserve">technická telefonická podpora v pracovných dňoch a zároveň poradenstvo pri prevádzkovaní prístroja prostredníctvom klientského pracoviska Dodávateľa 24 hodín denne a 7 dní v týždni, pričom Dodávateľ musí garantovať funkčnosť a prevádzku klientskeho pracoviska. </t>
  </si>
  <si>
    <t xml:space="preserve">Servisný technik Dodávateľa je povinný nastúpiť na odstránenie vady v mieste inštalácie prístroja do 24 hodín od nahlásenia v pracovný deň medzi 7:00 a 15:00 hod., resp. do 12:00 hod. nasledujúceho pracovného dňa, pokiaľ vada bola nahlásená po 15:00 hod. pracovného dňa alebo počas mimopracovného dňa. </t>
  </si>
  <si>
    <t>10.1.</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2:00 hod. nasledujúceho pracovného dňa, pokiaľ vada bola nahlásená po 15:00 hod. pracovného dňa alebo počas mimopracovného dňa.</t>
  </si>
  <si>
    <t>Dodávateľ je povinný počas trvania záručnej doby odstrániť vady v nasledujúcich lehotách od nástupu na opravu:</t>
  </si>
  <si>
    <t>11.1.</t>
  </si>
  <si>
    <t>oprava vady, pri ktorej nie je potrebná dodávka náhradného dielu najneskôr do 48 hodín,</t>
  </si>
  <si>
    <t>11.2.</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12.1.</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12.2.</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prístroja tiež zaslaním e-mailovej správy na vyššie uvedenú e-mailovú adresu Dodávateľa.</t>
  </si>
  <si>
    <t>Záruka sa nevzťahuje na vady, ktoré spôsobí Objednávateľ neodbornou manipuláciou resp. používaním v rozpore s návodom na obsluhu. Záruka sa tiež nevzťahuje na vady, ktoré vzniknú v dôsledku živelnej pohromy, vyššej moci alebo vandalizmu.</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r>
      <t xml:space="preserve">Požaduje sa poskytovanie pozáručného servisu pre </t>
    </r>
    <r>
      <rPr>
        <sz val="10"/>
        <color rgb="FFFF0000"/>
        <rFont val="Arial"/>
        <family val="2"/>
        <charset val="238"/>
      </rPr>
      <t>položku č. 1</t>
    </r>
    <r>
      <rPr>
        <sz val="10"/>
        <rFont val="Arial"/>
        <family val="2"/>
        <charset val="238"/>
      </rPr>
      <t xml:space="preserve"> po dobu 5 rokov (60 kalendárnych mesiacov), pričom za začiatok tohto poskytovania sa považuje deň nasledujúci po poslednom dni záručnej doby.</t>
    </r>
  </si>
  <si>
    <t>Požaduje sa poskytovať služb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Požaduje sa vykonávať pozáručnú servisnú starostlivosť v pracovných dňoch v čase od 07:00 hod. do 15:00 hod, ak sa Objednávateľ a Dodávateľ nedohodnú inak.</t>
  </si>
  <si>
    <t>Požaduje sa, aby v prípade vykonania opravy, na ktorú Objednávateľ Dodávateľa vopred upozorní, bola oprava vykonaná nasledovne:</t>
  </si>
  <si>
    <t>20.1.</t>
  </si>
  <si>
    <t>nástup na výkon opravy do 24 hodín od nahlásenia vady/poruchy v pracovných dňoch v čase od 07:00 hod. do 15:00 hod.,</t>
  </si>
  <si>
    <t>20.2.</t>
  </si>
  <si>
    <t>výkon samotnej opravy do 72 hodín od nahlásenia vady/poruchy v pracovných dňoch v čase od 07:00 hod. do 15:00 hod., okrem prípadu, ak sa Objednávateľ s Dodávateľom nedohodnú inak, alebo ak na výkon opravy je potrebný náhradný diel, súčiastka alebo iná vec, ktorej obstaranie, alebo vykonanie trvá viac ako 72 hodín.</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Požaduje sa služby pozáručnej starostlivosti vykonávať v súlade so známymi a najnovšími technologickými poznatkami výrobcu prístroja.</t>
  </si>
  <si>
    <t>Požaduje sa garantovať prevádzkyschopnosť prístroja minimálne 95% doby počas poskytovania pozáručných služieb.</t>
  </si>
  <si>
    <t>Požaduje sa, aby počas trvania zmluvy Dodávateľ vykonával autorizovaný servis.</t>
  </si>
  <si>
    <t>Požaduje sa, aby počas trvania zmluvy Dodávateľ vykonával činnosti uvedené v zmluve prostredníctvom osôb/servisných technikov s odborným vyškolením výrobcom prístroja.</t>
  </si>
  <si>
    <t>Požaduje sa, aby Dodávateľ mal počas trvania zmluvy uzatvorenú zmluvu o poistení zodpovednosti za škodu spôsobenú v súvislosti s poskytovaním služieb pozáručnej servisnej starostlivosti podľa uzatvorenej zmluvy s poistným krytím minimálne vo výške zmluvnej ceny za služby pozáručnej servisnej starostlivosti.</t>
  </si>
  <si>
    <t>Požaduje sa vyhotovenie návrhu kalkulácie servisu v súlade s uzatvorenou zmluvou ku každej objednávke. Objednávateľ musí odsúhlasiť cenu a rozsah opravy, najneskôr v lehote do 3 kalendárnych dní odo dňa doručenia návrhu kalkulácie servisu. V prípade, ak súhlas v uvedenej lehote Dodávateľovi neoznámi alebo ak oznámi, že o opravu už nemá záujem, Dodávateľ je povinný prístroj Objednávateľovi bezodkladne vrátiť, čím objednávku Objednávateľa odmietne.</t>
  </si>
  <si>
    <t>Požaduje sa poskytnutie zodpovednosti za vady servisných služieb podľa Obchodného zákonníka a tiež záruky za akosť na servisné služby.</t>
  </si>
  <si>
    <t>Požaduje sa poskytnutie minimálne 3-mesačnej záručnej doby na servisné práce od vykonania opravy a 6-mesačnej záručnej doby na dodané náhradné diely od vykonania opravy.</t>
  </si>
  <si>
    <t>Dodávateľ za vady servisnej služby nezodpovedá v prípade, ak boli spôsobené:</t>
  </si>
  <si>
    <t>30.1.</t>
  </si>
  <si>
    <t>v dôsledku živelnej pohromy, vyššej moci alebo vandalizmu,</t>
  </si>
  <si>
    <t>30.2.</t>
  </si>
  <si>
    <t>inštaláciou, prevádzkou a údržbou prítroja v rozpore s návodom na obsluhu,</t>
  </si>
  <si>
    <t>30.3.</t>
  </si>
  <si>
    <t>neoprávneným zásahom tretích osôb,</t>
  </si>
  <si>
    <t>30.4.</t>
  </si>
  <si>
    <t>prevádzkovaním prístroja v prostredí, ktoré je v rozpore s technickými podmienkami stanovenými výrobcom, príp. Dodávateľom.</t>
  </si>
  <si>
    <t>Požaduje sa v prípade náhradných dielov v každom osobitnom prípade súhlas Objednávateľa s kúpu a montážou náhradného dielu a odsúhlasenie jeho ceny.</t>
  </si>
  <si>
    <t xml:space="preserve">V prípade, ak Objednávateľ na základe prieskumu trhu zistí, že: </t>
  </si>
  <si>
    <t>32.1</t>
  </si>
  <si>
    <t xml:space="preserve">cenová ponuka iného dodávateľa je nižšia ako ponuka Dodávateľa, Objednávateľ vyzve Dodávateľa na rokovanie o znížení ceny náhradného dielu. Ak sa zmluvné strany na znížení ceny náhradného dielu nedohodnú, Objednávateľ je oprávnený náhradný diel zakúpiť od dodávateľa, ktorý v prieskume trhu ponúkol nižšiu cenu náhradného dielu, </t>
  </si>
  <si>
    <t>32.2</t>
  </si>
  <si>
    <t xml:space="preserve">nedisponuje inou ponukou ako je ponuka Dodávateľa a zároveň cena náhradného dielu nie je vyššia ako 10% oproti cene uvedenej v Prílohe č. 1 - Kalkulácia ceny, Objednávateľ je oprávnený pristúpiť k vystaveniu objednávky. </t>
  </si>
  <si>
    <t>Požaduje sa, aby výsledná cena predmetu zákazky ponúknutá Dodávateľom bola v súlade s aktuálne (t.j. v čase lehoty na predkladanie ponúk) obvyklou trhovou cenou predmetu zákazky.</t>
  </si>
  <si>
    <t>Požaduje sa možnosť uplatnenia si náhrady škody u Dodávateľa vo výške vzniknutého finančného rozdielu výslednej ceny predmetu zákazky a obvyklej trhovej ceny predmetu zákazky v prípade nedodržania vyššie uvedenej požiadavky.</t>
  </si>
  <si>
    <t>Požaduje sa dohodnutie kúpnej ceny za prístroj a zmluvnej ceny za pozáručný servis v súlade so zákonom č. 18/1996 Z. z. o cenách v znení neskorších predpisov a vyhláškou č. 87/1996 Z. z., ktorou sa vykonáva zákon č. 18/1996 Z. z. o cenách, pričom budú maximálnymi a záväznými počas platnosti uzatvorenej zmluvy.</t>
  </si>
  <si>
    <r>
      <t xml:space="preserve">Dodávateľ je povinný k faktúre za dodanie prístroja priložiť kópiu preberacieho protokolu ako jej povinnú prílohu, okrem prípadov, kedy je faktúra doručená zároveň s preberacím protokolom. Povinnou súčasťou faktúry za služby, ktoré sú predmetom </t>
    </r>
    <r>
      <rPr>
        <sz val="10"/>
        <color rgb="FFFF0000"/>
        <rFont val="Arial"/>
        <family val="2"/>
        <charset val="238"/>
      </rPr>
      <t xml:space="preserve">položky č. 2 </t>
    </r>
    <r>
      <rPr>
        <sz val="10"/>
        <rFont val="Arial"/>
        <family val="2"/>
        <charset val="238"/>
      </rPr>
      <t>je zmluvnými stranami potvrdený rozsah poskytnutej služby s uvedením dátumu jej poskytnutia v príslušnom kalendárnom mesiaci.</t>
    </r>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t>38.</t>
  </si>
  <si>
    <r>
      <t xml:space="preserve">Pozáručný servis (služby, ktoré sú predmetom </t>
    </r>
    <r>
      <rPr>
        <sz val="10"/>
        <color rgb="FFFF0000"/>
        <rFont val="Arial"/>
        <family val="2"/>
        <charset val="238"/>
      </rPr>
      <t>položky č. 2</t>
    </r>
    <r>
      <rPr>
        <sz val="10"/>
        <rFont val="Arial"/>
        <family val="2"/>
        <charset val="238"/>
      </rPr>
      <t>) bude hradený formou mesačných paušálnych odmien uvedených v Prílohe č. 1 - Kalkulácia ceny.</t>
    </r>
  </si>
  <si>
    <t>39.</t>
  </si>
  <si>
    <r>
      <t xml:space="preserve">Požaduje sa v zmysle § 340b ods. 5 zákona č. 513/1991 Z. z. Obchodného zákonníka v znení neskorších predpisov splatnosť faktúry v lehote 60 kalendárnych dní odo dňa jej doručenia Objednávateľovi. V prípade úhrady faktúry za dodanie prístroja Objednávateľom do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j. úhradu pred uplynutím lehoty splatnosti), uvedie výšku %, v akej bude zľava z fakturovanej sumy poskytnutá. Ak takúto zľavu predávajúci nechce poskytnúť, uvedie 0%.</t>
    </r>
  </si>
  <si>
    <t>40.</t>
  </si>
  <si>
    <t>Kúpna cena prístroja zahŕňa aj služby spojené s jeho dodaním, t.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 ako aj poskytovanie záručného servisu v mieste inštalácie.</t>
  </si>
  <si>
    <t>41.</t>
  </si>
  <si>
    <t>Zmluvná cena za pozáručný servis zahŕňa celkovú logistiku súvisiacu so servisom prístroja, dopravné a balné náklady, vrátane cestovných nákladov servisného technika do miesta dodania služby a späť a zároveň zvoz do servisného centra a dovoz opraveného prístroja.</t>
  </si>
  <si>
    <t>42.</t>
  </si>
  <si>
    <r>
      <t>V prípade, ak sa po uzatvorení zmluvy preukáže, že na relevantnom trhu existuje cena (ďalej tiež ako "nižšia cena") za rovnaké alebo porovnateľné plnenie pre</t>
    </r>
    <r>
      <rPr>
        <sz val="10"/>
        <color rgb="FFFF0000"/>
        <rFont val="Arial"/>
        <family val="2"/>
        <charset val="238"/>
      </rPr>
      <t xml:space="preserve"> položku č. 2</t>
    </r>
    <r>
      <rPr>
        <sz val="10"/>
        <rFont val="Arial"/>
        <family val="2"/>
        <charset val="238"/>
      </rPr>
      <t xml:space="preserve">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r>
  </si>
  <si>
    <t>43.</t>
  </si>
  <si>
    <t>Dodávateľ je povinný bezodkladne, najneskôr však do 5 pracovných dní od preukázania skutočnosti uvedenej v predchádzajúcom bode, doručiť Objednávateľovi dodatok, predmetom, ktorého bude upravená cena. V prípade, ak v uvedenej lehote nebude dodatok Objednávateľovi doručený, vyhradzuje si Objednávateľ právo zmluvu vypovedať s výpovednou lehotou 1 mesiac. Výpovedná doba začína plynúť od prvého dňa kalendárneho mesiaca nasledujúceho po doručení výpovede a skončí sa uplynutím posledného dňa príslušného kalendárneho mesiaca.</t>
  </si>
  <si>
    <t>44.</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45.</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zmluvy. Účinky odstúpenia nastanú dňom doručenia oznámenia druhej Zmluvnej strane.</t>
  </si>
  <si>
    <t>46.</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47.</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y. V opačnom prípade Objednávateľovi zodpovedá za škodu, ktorá Objednávateľovi vznikla porušením tejto povinnosti.</t>
  </si>
  <si>
    <t>48.</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t>
  </si>
  <si>
    <t>49.</t>
  </si>
  <si>
    <t>V prípade, ak sa na predmet zákazky vykonala prípravná trhová konzultácia, informácie k prípravnej trhovej konzultácie verejný obstarávateľ zverejňuje na internetovej stránke: www.vusch.sk/verejne-obstaravanie/</t>
  </si>
  <si>
    <t>Položka č. 2 - Pozáručný servis pre položku č.1</t>
  </si>
  <si>
    <t>Termodezinfektor vrátane pozáručného servisu.</t>
  </si>
  <si>
    <t>xxx</t>
  </si>
</sst>
</file>

<file path=xl/styles.xml><?xml version="1.0" encoding="utf-8"?>
<styleSheet xmlns="http://schemas.openxmlformats.org/spreadsheetml/2006/main" xmlns:mc="http://schemas.openxmlformats.org/markup-compatibility/2006" xmlns:x14ac="http://schemas.microsoft.com/office/spreadsheetml/2009/9/ac" mc:Ignorable="x14ac">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0.14999847407452621"/>
        <bgColor indexed="64"/>
      </patternFill>
    </fill>
    <fill>
      <patternFill patternType="solid">
        <fgColor theme="0"/>
        <bgColor indexed="64"/>
      </patternFill>
    </fill>
  </fills>
  <borders count="43">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auto="1"/>
      </left>
      <right/>
      <top style="thin">
        <color auto="1"/>
      </top>
      <bottom style="medium">
        <color indexed="64"/>
      </bottom>
      <diagonal/>
    </border>
    <border>
      <left/>
      <right style="medium">
        <color auto="1"/>
      </right>
      <top style="thin">
        <color indexed="64"/>
      </top>
      <bottom style="medium">
        <color auto="1"/>
      </bottom>
      <diagonal/>
    </border>
    <border>
      <left/>
      <right style="medium">
        <color indexed="64"/>
      </right>
      <top style="thin">
        <color auto="1"/>
      </top>
      <bottom style="thin">
        <color auto="1"/>
      </bottom>
      <diagonal/>
    </border>
    <border>
      <left style="medium">
        <color indexed="64"/>
      </left>
      <right/>
      <top style="thin">
        <color auto="1"/>
      </top>
      <bottom style="thin">
        <color auto="1"/>
      </bottom>
      <diagonal/>
    </border>
    <border>
      <left style="medium">
        <color indexed="64"/>
      </left>
      <right/>
      <top style="thin">
        <color auto="1"/>
      </top>
      <bottom style="medium">
        <color indexed="64"/>
      </bottom>
      <diagonal/>
    </border>
    <border>
      <left style="medium">
        <color auto="1"/>
      </left>
      <right style="thin">
        <color auto="1"/>
      </right>
      <top style="dotted">
        <color auto="1"/>
      </top>
      <bottom style="dotted">
        <color auto="1"/>
      </bottom>
      <diagonal/>
    </border>
    <border>
      <left style="thin">
        <color auto="1"/>
      </left>
      <right/>
      <top style="thin">
        <color auto="1"/>
      </top>
      <bottom style="dotted">
        <color auto="1"/>
      </bottom>
      <diagonal/>
    </border>
    <border>
      <left style="thin">
        <color auto="1"/>
      </left>
      <right/>
      <top style="dotted">
        <color auto="1"/>
      </top>
      <bottom style="dotted">
        <color auto="1"/>
      </bottom>
      <diagonal/>
    </border>
    <border>
      <left style="medium">
        <color auto="1"/>
      </left>
      <right style="thin">
        <color auto="1"/>
      </right>
      <top style="dotted">
        <color auto="1"/>
      </top>
      <bottom style="thin">
        <color indexed="64"/>
      </bottom>
      <diagonal/>
    </border>
    <border>
      <left style="thin">
        <color auto="1"/>
      </left>
      <right/>
      <top style="dotted">
        <color auto="1"/>
      </top>
      <bottom style="thin">
        <color auto="1"/>
      </bottom>
      <diagonal/>
    </border>
    <border>
      <left style="medium">
        <color auto="1"/>
      </left>
      <right style="thin">
        <color auto="1"/>
      </right>
      <top/>
      <bottom style="thin">
        <color auto="1"/>
      </bottom>
      <diagonal/>
    </border>
    <border>
      <left style="medium">
        <color auto="1"/>
      </left>
      <right style="thin">
        <color auto="1"/>
      </right>
      <top style="thin">
        <color auto="1"/>
      </top>
      <bottom style="dotted">
        <color auto="1"/>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medium">
        <color indexed="64"/>
      </right>
      <top style="dotted">
        <color auto="1"/>
      </top>
      <bottom style="dotted">
        <color auto="1"/>
      </bottom>
      <diagonal/>
    </border>
    <border>
      <left style="thin">
        <color auto="1"/>
      </left>
      <right style="thin">
        <color auto="1"/>
      </right>
      <top style="dotted">
        <color auto="1"/>
      </top>
      <bottom style="thin">
        <color auto="1"/>
      </bottom>
      <diagonal/>
    </border>
    <border>
      <left style="thin">
        <color auto="1"/>
      </left>
      <right style="medium">
        <color indexed="64"/>
      </right>
      <top style="dotted">
        <color auto="1"/>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5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0" xfId="0" applyFont="1" applyFill="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13" fillId="0" borderId="10" xfId="0"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0" fontId="3" fillId="0" borderId="20" xfId="0" applyFont="1" applyFill="1" applyBorder="1" applyAlignment="1">
      <alignment horizontal="left" vertical="center" wrapText="1"/>
    </xf>
    <xf numFmtId="49" fontId="4" fillId="0" borderId="5" xfId="0" applyNumberFormat="1" applyFont="1" applyFill="1" applyBorder="1" applyAlignment="1">
      <alignment vertical="center" wrapText="1"/>
    </xf>
    <xf numFmtId="49" fontId="2" fillId="0" borderId="8" xfId="0" applyNumberFormat="1" applyFont="1" applyBorder="1" applyAlignment="1">
      <alignment horizontal="right" vertical="center"/>
    </xf>
    <xf numFmtId="16" fontId="5" fillId="0" borderId="0" xfId="0" applyNumberFormat="1" applyFont="1" applyFill="1" applyAlignment="1">
      <alignment horizontal="left" vertical="top" wrapText="1"/>
    </xf>
    <xf numFmtId="49" fontId="4" fillId="0" borderId="10" xfId="0" applyNumberFormat="1" applyFont="1" applyFill="1" applyBorder="1" applyAlignment="1">
      <alignment vertical="center" wrapText="1"/>
    </xf>
    <xf numFmtId="49" fontId="2" fillId="0" borderId="8" xfId="0" applyNumberFormat="1" applyFont="1" applyFill="1" applyBorder="1" applyAlignment="1">
      <alignment horizontal="left" vertical="center"/>
    </xf>
    <xf numFmtId="49" fontId="2" fillId="0" borderId="8" xfId="0" applyNumberFormat="1" applyFont="1" applyFill="1" applyBorder="1" applyAlignment="1">
      <alignment horizontal="center" vertical="center"/>
    </xf>
    <xf numFmtId="49" fontId="2" fillId="0" borderId="8" xfId="0" applyNumberFormat="1" applyFont="1" applyFill="1" applyBorder="1" applyAlignment="1">
      <alignment horizontal="right" vertical="center"/>
    </xf>
    <xf numFmtId="49" fontId="2" fillId="0" borderId="28" xfId="0" applyNumberFormat="1" applyFont="1" applyBorder="1" applyAlignment="1">
      <alignment horizontal="center" vertical="center"/>
    </xf>
    <xf numFmtId="49" fontId="2" fillId="0" borderId="29" xfId="0" applyNumberFormat="1" applyFont="1" applyBorder="1" applyAlignment="1">
      <alignment horizontal="center" vertical="center"/>
    </xf>
    <xf numFmtId="49" fontId="2" fillId="0" borderId="25" xfId="0" applyNumberFormat="1" applyFont="1" applyFill="1" applyBorder="1" applyAlignment="1">
      <alignment vertical="center" wrapText="1"/>
    </xf>
    <xf numFmtId="49" fontId="2" fillId="0" borderId="22" xfId="0" applyNumberFormat="1" applyFont="1" applyBorder="1" applyAlignment="1">
      <alignment horizontal="center" vertical="center" wrapText="1"/>
    </xf>
    <xf numFmtId="0" fontId="4" fillId="0" borderId="5" xfId="0" applyFont="1" applyBorder="1" applyAlignment="1">
      <alignment vertical="center" wrapText="1"/>
    </xf>
    <xf numFmtId="0" fontId="4" fillId="6" borderId="5" xfId="0" applyFont="1" applyFill="1" applyBorder="1" applyAlignment="1">
      <alignment vertical="center" wrapText="1"/>
    </xf>
    <xf numFmtId="49" fontId="2" fillId="6" borderId="30" xfId="0" applyNumberFormat="1" applyFont="1" applyFill="1" applyBorder="1" applyAlignment="1">
      <alignment horizontal="right" vertical="center" wrapText="1"/>
    </xf>
    <xf numFmtId="0" fontId="4" fillId="6" borderId="31" xfId="0" applyFont="1" applyFill="1" applyBorder="1" applyAlignment="1">
      <alignment vertical="center" wrapText="1"/>
    </xf>
    <xf numFmtId="0" fontId="4" fillId="6" borderId="32" xfId="0" applyFont="1" applyFill="1" applyBorder="1" applyAlignment="1">
      <alignment vertical="center" wrapText="1"/>
    </xf>
    <xf numFmtId="49" fontId="2" fillId="6" borderId="33" xfId="0" applyNumberFormat="1" applyFont="1" applyFill="1" applyBorder="1" applyAlignment="1">
      <alignment horizontal="right" vertical="center" wrapText="1"/>
    </xf>
    <xf numFmtId="0" fontId="4" fillId="6" borderId="34" xfId="0" applyFont="1" applyFill="1" applyBorder="1" applyAlignment="1">
      <alignment vertical="center" wrapText="1"/>
    </xf>
    <xf numFmtId="49" fontId="2" fillId="0" borderId="35" xfId="0" applyNumberFormat="1" applyFont="1" applyFill="1" applyBorder="1" applyAlignment="1">
      <alignment horizontal="center" vertical="center" wrapText="1"/>
    </xf>
    <xf numFmtId="0" fontId="4" fillId="0" borderId="5" xfId="0" applyFont="1" applyFill="1" applyBorder="1" applyAlignment="1">
      <alignment vertical="center" wrapText="1"/>
    </xf>
    <xf numFmtId="49" fontId="2" fillId="0" borderId="30" xfId="0" applyNumberFormat="1" applyFont="1" applyFill="1" applyBorder="1" applyAlignment="1">
      <alignment horizontal="right" vertical="center" wrapText="1"/>
    </xf>
    <xf numFmtId="49" fontId="2" fillId="0" borderId="36" xfId="0" applyNumberFormat="1" applyFont="1" applyFill="1" applyBorder="1" applyAlignment="1">
      <alignment horizontal="center" vertical="center" wrapText="1"/>
    </xf>
    <xf numFmtId="49" fontId="2" fillId="6" borderId="36" xfId="0" applyNumberFormat="1" applyFont="1" applyFill="1" applyBorder="1" applyAlignment="1">
      <alignment horizontal="center" vertical="center" wrapText="1"/>
    </xf>
    <xf numFmtId="0" fontId="2" fillId="0" borderId="37" xfId="0" applyNumberFormat="1" applyFont="1" applyBorder="1" applyAlignment="1">
      <alignment horizontal="center" vertical="center" wrapText="1"/>
    </xf>
    <xf numFmtId="0" fontId="2" fillId="0" borderId="39" xfId="0" applyNumberFormat="1" applyFont="1" applyBorder="1" applyAlignment="1">
      <alignment horizontal="center" vertical="center" wrapText="1"/>
    </xf>
    <xf numFmtId="0" fontId="2" fillId="0" borderId="41" xfId="0" applyNumberFormat="1" applyFont="1" applyBorder="1" applyAlignment="1">
      <alignment horizontal="center" vertical="center" wrapText="1"/>
    </xf>
    <xf numFmtId="0" fontId="4" fillId="6" borderId="25" xfId="0" applyFont="1" applyFill="1" applyBorder="1" applyAlignment="1">
      <alignment vertical="center" wrapText="1"/>
    </xf>
    <xf numFmtId="0" fontId="4" fillId="6" borderId="37" xfId="0" applyFont="1" applyFill="1" applyBorder="1" applyAlignment="1">
      <alignment vertical="center" wrapText="1"/>
    </xf>
    <xf numFmtId="0" fontId="4" fillId="6" borderId="39" xfId="0" applyFont="1" applyFill="1" applyBorder="1" applyAlignment="1">
      <alignment vertical="center" wrapText="1"/>
    </xf>
    <xf numFmtId="49" fontId="2" fillId="0" borderId="33" xfId="0" applyNumberFormat="1" applyFont="1" applyFill="1" applyBorder="1" applyAlignment="1">
      <alignment horizontal="right" vertical="center" wrapText="1"/>
    </xf>
    <xf numFmtId="0" fontId="4" fillId="6" borderId="41" xfId="0" applyFont="1" applyFill="1" applyBorder="1" applyAlignment="1">
      <alignmen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41" xfId="0" applyFont="1" applyFill="1" applyBorder="1" applyAlignment="1">
      <alignment horizontal="left" vertical="center" wrapText="1"/>
    </xf>
    <xf numFmtId="0" fontId="2" fillId="0" borderId="42" xfId="0" applyFont="1" applyFill="1" applyBorder="1" applyAlignment="1">
      <alignment horizontal="left" vertical="center" wrapText="1"/>
    </xf>
    <xf numFmtId="0" fontId="2" fillId="0" borderId="37" xfId="0" applyFont="1" applyFill="1" applyBorder="1" applyAlignment="1">
      <alignment horizontal="left" vertical="center" wrapText="1"/>
    </xf>
    <xf numFmtId="0" fontId="2" fillId="0" borderId="38" xfId="0" applyFont="1" applyFill="1" applyBorder="1" applyAlignment="1">
      <alignment horizontal="left" vertical="center" wrapText="1"/>
    </xf>
    <xf numFmtId="0" fontId="2" fillId="0" borderId="39" xfId="0" applyFont="1" applyFill="1" applyBorder="1" applyAlignment="1">
      <alignment horizontal="left" vertical="center" wrapText="1"/>
    </xf>
    <xf numFmtId="0" fontId="2" fillId="0" borderId="40" xfId="0" applyFont="1" applyFill="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2" fillId="0" borderId="5" xfId="0" applyNumberFormat="1" applyFont="1" applyBorder="1" applyAlignment="1">
      <alignment horizontal="left" vertical="center" wrapText="1"/>
    </xf>
    <xf numFmtId="49" fontId="2" fillId="0" borderId="27" xfId="0" applyNumberFormat="1" applyFont="1" applyBorder="1" applyAlignment="1">
      <alignment horizontal="left"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4" fillId="0" borderId="0" xfId="0" applyNumberFormat="1" applyFont="1" applyFill="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49" fontId="2" fillId="0" borderId="25" xfId="0" applyNumberFormat="1" applyFont="1" applyBorder="1" applyAlignment="1">
      <alignment horizontal="left" vertical="center" wrapText="1"/>
    </xf>
    <xf numFmtId="49" fontId="2" fillId="0" borderId="26" xfId="0" applyNumberFormat="1" applyFont="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7" xfId="0" applyNumberFormat="1" applyFont="1" applyBorder="1" applyAlignment="1">
      <alignment horizontal="center" vertical="center" wrapText="1"/>
    </xf>
    <xf numFmtId="0" fontId="2" fillId="0" borderId="37" xfId="0" applyFont="1" applyFill="1" applyBorder="1" applyAlignment="1">
      <alignment horizontal="center" vertical="center" wrapText="1"/>
    </xf>
    <xf numFmtId="0" fontId="2" fillId="0" borderId="38" xfId="0" applyFont="1" applyFill="1" applyBorder="1" applyAlignment="1">
      <alignment horizontal="center"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31">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9525</xdr:rowOff>
        </xdr:from>
        <xdr:to>
          <xdr:col>1</xdr:col>
          <xdr:colOff>885825</xdr:colOff>
          <xdr:row>31</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0</xdr:rowOff>
        </xdr:from>
        <xdr:to>
          <xdr:col>1</xdr:col>
          <xdr:colOff>885825</xdr:colOff>
          <xdr:row>32</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G222"/>
  <sheetViews>
    <sheetView showGridLines="0" tabSelected="1" zoomScaleNormal="100" workbookViewId="0"/>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37" t="s">
        <v>49</v>
      </c>
      <c r="C1" s="137"/>
      <c r="D1" s="137"/>
      <c r="E1" s="137"/>
      <c r="F1" s="137"/>
    </row>
    <row r="2" spans="2:6" ht="27.75" customHeight="1" x14ac:dyDescent="0.2">
      <c r="B2" s="136" t="s">
        <v>47</v>
      </c>
      <c r="C2" s="136"/>
      <c r="D2" s="136"/>
      <c r="E2" s="136"/>
      <c r="F2" s="136"/>
    </row>
    <row r="3" spans="2:6" ht="54.75" customHeight="1" x14ac:dyDescent="0.2">
      <c r="B3" s="101" t="s">
        <v>53</v>
      </c>
      <c r="C3" s="101"/>
      <c r="D3" s="101"/>
      <c r="E3" s="101"/>
      <c r="F3" s="101"/>
    </row>
    <row r="4" spans="2:6" ht="24.95" customHeight="1" x14ac:dyDescent="0.2">
      <c r="B4" s="41" t="s">
        <v>52</v>
      </c>
      <c r="C4" s="42"/>
      <c r="D4" s="38"/>
      <c r="E4" s="38"/>
      <c r="F4" s="38"/>
    </row>
    <row r="5" spans="2:6" ht="24.95" customHeight="1" x14ac:dyDescent="0.2">
      <c r="B5" s="41" t="s">
        <v>50</v>
      </c>
      <c r="C5" s="43"/>
      <c r="D5" s="38"/>
      <c r="E5" s="38"/>
      <c r="F5" s="38"/>
    </row>
    <row r="6" spans="2:6" ht="5.0999999999999996" customHeight="1" x14ac:dyDescent="0.2">
      <c r="B6" s="38"/>
      <c r="C6" s="38"/>
      <c r="D6" s="38"/>
      <c r="E6" s="38"/>
      <c r="F6" s="38"/>
    </row>
    <row r="7" spans="2:6" s="2" customFormat="1" ht="20.100000000000001" customHeight="1" x14ac:dyDescent="0.25">
      <c r="B7" s="102" t="s">
        <v>5</v>
      </c>
      <c r="C7" s="102"/>
      <c r="D7" s="102"/>
      <c r="E7" s="102"/>
      <c r="F7" s="102"/>
    </row>
    <row r="8" spans="2:6" s="2" customFormat="1" ht="20.100000000000001" customHeight="1" x14ac:dyDescent="0.25">
      <c r="B8" s="103" t="s">
        <v>9</v>
      </c>
      <c r="C8" s="103"/>
      <c r="D8" s="103"/>
      <c r="E8" s="103"/>
      <c r="F8" s="103"/>
    </row>
    <row r="9" spans="2:6" ht="24.95" customHeight="1" x14ac:dyDescent="0.2">
      <c r="B9" s="104" t="s">
        <v>178</v>
      </c>
      <c r="C9" s="104"/>
      <c r="D9" s="104"/>
      <c r="E9" s="104"/>
      <c r="F9" s="104"/>
    </row>
    <row r="10" spans="2:6" ht="4.5" customHeight="1" x14ac:dyDescent="0.2">
      <c r="B10" s="40"/>
      <c r="C10" s="40"/>
      <c r="D10" s="40"/>
      <c r="E10" s="40"/>
      <c r="F10" s="40"/>
    </row>
    <row r="11" spans="2:6" s="2" customFormat="1" ht="20.100000000000001" customHeight="1" x14ac:dyDescent="0.25">
      <c r="B11" s="105" t="s">
        <v>10</v>
      </c>
      <c r="C11" s="105"/>
      <c r="D11" s="105"/>
      <c r="E11" s="105"/>
      <c r="F11" s="105"/>
    </row>
    <row r="12" spans="2:6" s="9" customFormat="1" ht="20.100000000000001" customHeight="1" x14ac:dyDescent="0.25">
      <c r="B12" s="106" t="s">
        <v>86</v>
      </c>
      <c r="C12" s="106"/>
      <c r="D12" s="106"/>
      <c r="E12" s="60"/>
      <c r="F12" s="60"/>
    </row>
    <row r="13" spans="2:6" s="2" customFormat="1" ht="20.100000000000001" customHeight="1" x14ac:dyDescent="0.25">
      <c r="B13" s="106" t="s">
        <v>27</v>
      </c>
      <c r="C13" s="106"/>
      <c r="D13" s="106"/>
      <c r="E13" s="47"/>
      <c r="F13" s="47"/>
    </row>
    <row r="14" spans="2:6" ht="4.5" customHeight="1" x14ac:dyDescent="0.2">
      <c r="B14" s="44"/>
      <c r="C14" s="44"/>
      <c r="D14" s="44"/>
      <c r="E14" s="40"/>
      <c r="F14" s="40"/>
    </row>
    <row r="15" spans="2:6" ht="20.100000000000001" customHeight="1" x14ac:dyDescent="0.2">
      <c r="B15" s="39" t="s">
        <v>11</v>
      </c>
      <c r="C15" s="21"/>
      <c r="D15" s="21"/>
      <c r="E15" s="22"/>
      <c r="F15" s="22"/>
    </row>
    <row r="16" spans="2:6" s="3" customFormat="1" ht="24.95" customHeight="1" x14ac:dyDescent="0.25">
      <c r="B16" s="142" t="s">
        <v>68</v>
      </c>
      <c r="C16" s="142"/>
      <c r="D16" s="142"/>
      <c r="E16" s="19"/>
      <c r="F16" s="20"/>
    </row>
    <row r="17" spans="2:6" ht="5.0999999999999996" customHeight="1" x14ac:dyDescent="0.2">
      <c r="B17" s="143"/>
      <c r="C17" s="143"/>
      <c r="D17" s="143"/>
      <c r="F17" s="15"/>
    </row>
    <row r="18" spans="2:6" s="2" customFormat="1" ht="20.100000000000001" customHeight="1" x14ac:dyDescent="0.25">
      <c r="B18" s="102" t="s">
        <v>24</v>
      </c>
      <c r="C18" s="102"/>
      <c r="D18" s="102"/>
      <c r="E18" s="102"/>
      <c r="F18" s="102"/>
    </row>
    <row r="19" spans="2:6" ht="33.75" customHeight="1" x14ac:dyDescent="0.2">
      <c r="B19" s="114" t="s">
        <v>299</v>
      </c>
      <c r="C19" s="114"/>
      <c r="D19" s="114"/>
      <c r="E19" s="114"/>
      <c r="F19" s="114"/>
    </row>
    <row r="20" spans="2:6" ht="5.0999999999999996" customHeight="1" x14ac:dyDescent="0.2">
      <c r="B20" s="143"/>
      <c r="C20" s="143"/>
      <c r="D20" s="143"/>
      <c r="F20" s="15"/>
    </row>
    <row r="21" spans="2:6" s="2" customFormat="1" ht="20.100000000000001" customHeight="1" x14ac:dyDescent="0.25">
      <c r="B21" s="102" t="s">
        <v>25</v>
      </c>
      <c r="C21" s="102"/>
      <c r="D21" s="102"/>
      <c r="E21" s="102"/>
      <c r="F21" s="102"/>
    </row>
    <row r="22" spans="2:6" s="9" customFormat="1" ht="20.100000000000001" customHeight="1" x14ac:dyDescent="0.25">
      <c r="B22" s="109" t="s">
        <v>6</v>
      </c>
      <c r="C22" s="109"/>
      <c r="D22" s="109"/>
      <c r="E22" s="109"/>
      <c r="F22" s="109"/>
    </row>
    <row r="23" spans="2:6" s="9" customFormat="1" ht="20.100000000000001" customHeight="1" x14ac:dyDescent="0.25">
      <c r="B23" s="112" t="s">
        <v>18</v>
      </c>
      <c r="C23" s="113"/>
      <c r="D23" s="14"/>
      <c r="E23" s="14"/>
      <c r="F23" s="14"/>
    </row>
    <row r="24" spans="2:6" s="9" customFormat="1" ht="20.100000000000001" customHeight="1" x14ac:dyDescent="0.25">
      <c r="B24" s="13"/>
      <c r="C24" s="13" t="s">
        <v>22</v>
      </c>
      <c r="D24" s="14"/>
      <c r="E24" s="14"/>
      <c r="F24" s="14"/>
    </row>
    <row r="25" spans="2:6" s="9" customFormat="1" ht="20.100000000000001" customHeight="1" x14ac:dyDescent="0.25">
      <c r="B25" s="13"/>
      <c r="C25" s="13" t="s">
        <v>23</v>
      </c>
      <c r="D25" s="14"/>
      <c r="E25" s="14"/>
      <c r="F25" s="14"/>
    </row>
    <row r="26" spans="2:6" s="9" customFormat="1" ht="20.100000000000001" customHeight="1" x14ac:dyDescent="0.25">
      <c r="B26" s="112" t="s">
        <v>19</v>
      </c>
      <c r="C26" s="113"/>
      <c r="D26" s="14"/>
      <c r="E26" s="14"/>
      <c r="F26" s="14"/>
    </row>
    <row r="27" spans="2:6" s="9" customFormat="1" ht="31.5" customHeight="1" x14ac:dyDescent="0.25">
      <c r="B27" s="17" t="s">
        <v>20</v>
      </c>
      <c r="C27" s="110" t="s">
        <v>13</v>
      </c>
      <c r="D27" s="111"/>
      <c r="E27" s="18" t="s">
        <v>12</v>
      </c>
      <c r="F27" s="18" t="s">
        <v>14</v>
      </c>
    </row>
    <row r="28" spans="2:6" s="9" customFormat="1" ht="24.95" customHeight="1" x14ac:dyDescent="0.25">
      <c r="B28" s="45" t="s">
        <v>2</v>
      </c>
      <c r="C28" s="107" t="s">
        <v>85</v>
      </c>
      <c r="D28" s="108"/>
      <c r="E28" s="16" t="s">
        <v>1</v>
      </c>
      <c r="F28" s="46">
        <v>1</v>
      </c>
    </row>
    <row r="29" spans="2:6" s="9" customFormat="1" ht="24.95" customHeight="1" x14ac:dyDescent="0.25">
      <c r="B29" s="45" t="s">
        <v>88</v>
      </c>
      <c r="C29" s="107" t="s">
        <v>89</v>
      </c>
      <c r="D29" s="108"/>
      <c r="E29" s="16" t="s">
        <v>90</v>
      </c>
      <c r="F29" s="46">
        <v>60</v>
      </c>
    </row>
    <row r="30" spans="2:6" s="9" customFormat="1" ht="4.5" customHeight="1" x14ac:dyDescent="0.25">
      <c r="B30" s="14"/>
      <c r="C30" s="14"/>
      <c r="D30" s="14"/>
      <c r="E30" s="14"/>
      <c r="F30" s="14"/>
    </row>
    <row r="31" spans="2:6" s="9" customFormat="1" ht="20.100000000000001" customHeight="1" x14ac:dyDescent="0.25">
      <c r="B31" s="112" t="s">
        <v>21</v>
      </c>
      <c r="C31" s="113"/>
      <c r="D31" s="14"/>
      <c r="E31" s="14"/>
      <c r="F31" s="14"/>
    </row>
    <row r="32" spans="2:6" s="9" customFormat="1" ht="20.100000000000001" customHeight="1" x14ac:dyDescent="0.2">
      <c r="B32" s="10"/>
      <c r="C32" s="9" t="s">
        <v>3</v>
      </c>
      <c r="D32" s="14"/>
      <c r="E32" s="14"/>
      <c r="F32" s="14"/>
    </row>
    <row r="33" spans="2:7" s="9" customFormat="1" ht="20.100000000000001" customHeight="1" x14ac:dyDescent="0.25">
      <c r="B33" s="13"/>
      <c r="C33" s="2" t="s">
        <v>4</v>
      </c>
      <c r="D33" s="14"/>
      <c r="E33" s="14"/>
      <c r="F33" s="14"/>
    </row>
    <row r="34" spans="2:7" ht="5.0999999999999996" customHeight="1" x14ac:dyDescent="0.2"/>
    <row r="35" spans="2:7" s="2" customFormat="1" ht="20.100000000000001" customHeight="1" x14ac:dyDescent="0.25">
      <c r="B35" s="102" t="s">
        <v>26</v>
      </c>
      <c r="C35" s="102"/>
      <c r="D35" s="102"/>
      <c r="E35" s="102"/>
      <c r="F35" s="102"/>
    </row>
    <row r="36" spans="2:7" s="2" customFormat="1" ht="5.0999999999999996" customHeight="1" thickBot="1" x14ac:dyDescent="0.3">
      <c r="B36" s="15"/>
      <c r="D36" s="6"/>
      <c r="E36" s="6"/>
      <c r="F36" s="6"/>
    </row>
    <row r="37" spans="2:7" s="3" customFormat="1" ht="93" customHeight="1" x14ac:dyDescent="0.25">
      <c r="B37" s="123" t="s">
        <v>0</v>
      </c>
      <c r="C37" s="124"/>
      <c r="D37" s="115" t="s">
        <v>28</v>
      </c>
      <c r="E37" s="116"/>
      <c r="F37" s="117"/>
      <c r="G37" s="23"/>
    </row>
    <row r="38" spans="2:7" s="3" customFormat="1" ht="30" customHeight="1" thickBot="1" x14ac:dyDescent="0.3">
      <c r="B38" s="125"/>
      <c r="C38" s="126"/>
      <c r="D38" s="24" t="s">
        <v>29</v>
      </c>
      <c r="E38" s="118" t="s">
        <v>30</v>
      </c>
      <c r="F38" s="119"/>
    </row>
    <row r="39" spans="2:7" s="25" customFormat="1" ht="30.75" customHeight="1" x14ac:dyDescent="0.25">
      <c r="B39" s="120" t="s">
        <v>87</v>
      </c>
      <c r="C39" s="121"/>
      <c r="D39" s="121"/>
      <c r="E39" s="121"/>
      <c r="F39" s="122"/>
    </row>
    <row r="40" spans="2:7" s="4" customFormat="1" ht="30" customHeight="1" x14ac:dyDescent="0.25">
      <c r="B40" s="62" t="s">
        <v>16</v>
      </c>
      <c r="C40" s="58" t="s">
        <v>91</v>
      </c>
      <c r="D40" s="49"/>
      <c r="E40" s="97"/>
      <c r="F40" s="98"/>
    </row>
    <row r="41" spans="2:7" s="4" customFormat="1" ht="24.95" customHeight="1" x14ac:dyDescent="0.25">
      <c r="B41" s="62" t="s">
        <v>58</v>
      </c>
      <c r="C41" s="61" t="s">
        <v>92</v>
      </c>
      <c r="D41" s="49"/>
      <c r="E41" s="97"/>
      <c r="F41" s="98"/>
    </row>
    <row r="42" spans="2:7" s="4" customFormat="1" ht="24.95" customHeight="1" x14ac:dyDescent="0.25">
      <c r="B42" s="62" t="s">
        <v>59</v>
      </c>
      <c r="C42" s="61" t="s">
        <v>93</v>
      </c>
      <c r="D42" s="49"/>
      <c r="E42" s="97"/>
      <c r="F42" s="98"/>
    </row>
    <row r="43" spans="2:7" s="4" customFormat="1" ht="24.95" customHeight="1" x14ac:dyDescent="0.25">
      <c r="B43" s="62" t="s">
        <v>60</v>
      </c>
      <c r="C43" s="61" t="s">
        <v>94</v>
      </c>
      <c r="D43" s="49"/>
      <c r="E43" s="97"/>
      <c r="F43" s="98"/>
    </row>
    <row r="44" spans="2:7" s="4" customFormat="1" ht="24.95" customHeight="1" x14ac:dyDescent="0.25">
      <c r="B44" s="62" t="s">
        <v>61</v>
      </c>
      <c r="C44" s="61" t="s">
        <v>95</v>
      </c>
      <c r="D44" s="49"/>
      <c r="E44" s="97"/>
      <c r="F44" s="98"/>
    </row>
    <row r="45" spans="2:7" s="4" customFormat="1" ht="24.95" customHeight="1" x14ac:dyDescent="0.25">
      <c r="B45" s="62" t="s">
        <v>62</v>
      </c>
      <c r="C45" s="61" t="s">
        <v>96</v>
      </c>
      <c r="D45" s="49"/>
      <c r="E45" s="97"/>
      <c r="F45" s="98"/>
    </row>
    <row r="46" spans="2:7" s="4" customFormat="1" ht="24.95" customHeight="1" x14ac:dyDescent="0.25">
      <c r="B46" s="62" t="s">
        <v>70</v>
      </c>
      <c r="C46" s="61" t="s">
        <v>97</v>
      </c>
      <c r="D46" s="49"/>
      <c r="E46" s="97"/>
      <c r="F46" s="98"/>
    </row>
    <row r="47" spans="2:7" s="4" customFormat="1" ht="24.95" customHeight="1" x14ac:dyDescent="0.25">
      <c r="B47" s="62" t="s">
        <v>63</v>
      </c>
      <c r="C47" s="61" t="s">
        <v>98</v>
      </c>
      <c r="D47" s="49"/>
      <c r="E47" s="97"/>
      <c r="F47" s="98"/>
    </row>
    <row r="48" spans="2:7" s="4" customFormat="1" ht="30" customHeight="1" x14ac:dyDescent="0.25">
      <c r="B48" s="62" t="s">
        <v>64</v>
      </c>
      <c r="C48" s="61" t="s">
        <v>99</v>
      </c>
      <c r="D48" s="49"/>
      <c r="E48" s="97"/>
      <c r="F48" s="98"/>
    </row>
    <row r="49" spans="2:6" s="4" customFormat="1" ht="30" customHeight="1" x14ac:dyDescent="0.25">
      <c r="B49" s="62" t="s">
        <v>65</v>
      </c>
      <c r="C49" s="61" t="s">
        <v>100</v>
      </c>
      <c r="D49" s="49"/>
      <c r="E49" s="97"/>
      <c r="F49" s="98"/>
    </row>
    <row r="50" spans="2:6" s="4" customFormat="1" ht="24.95" customHeight="1" x14ac:dyDescent="0.25">
      <c r="B50" s="62" t="s">
        <v>66</v>
      </c>
      <c r="C50" s="61" t="s">
        <v>101</v>
      </c>
      <c r="D50" s="49"/>
      <c r="E50" s="97"/>
      <c r="F50" s="98"/>
    </row>
    <row r="51" spans="2:6" s="4" customFormat="1" ht="24.95" customHeight="1" x14ac:dyDescent="0.25">
      <c r="B51" s="62" t="s">
        <v>71</v>
      </c>
      <c r="C51" s="61" t="s">
        <v>102</v>
      </c>
      <c r="D51" s="49"/>
      <c r="E51" s="97"/>
      <c r="F51" s="98"/>
    </row>
    <row r="52" spans="2:6" s="4" customFormat="1" ht="24.95" customHeight="1" x14ac:dyDescent="0.25">
      <c r="B52" s="62" t="s">
        <v>72</v>
      </c>
      <c r="C52" s="61" t="s">
        <v>103</v>
      </c>
      <c r="D52" s="49"/>
      <c r="E52" s="97"/>
      <c r="F52" s="98"/>
    </row>
    <row r="53" spans="2:6" s="4" customFormat="1" ht="24.95" customHeight="1" x14ac:dyDescent="0.25">
      <c r="B53" s="62" t="s">
        <v>67</v>
      </c>
      <c r="C53" s="61" t="s">
        <v>104</v>
      </c>
      <c r="D53" s="49"/>
      <c r="E53" s="97"/>
      <c r="F53" s="98"/>
    </row>
    <row r="54" spans="2:6" s="4" customFormat="1" ht="24.95" customHeight="1" x14ac:dyDescent="0.25">
      <c r="B54" s="62" t="s">
        <v>73</v>
      </c>
      <c r="C54" s="61" t="s">
        <v>105</v>
      </c>
      <c r="D54" s="49"/>
      <c r="E54" s="97"/>
      <c r="F54" s="98"/>
    </row>
    <row r="55" spans="2:6" s="4" customFormat="1" ht="24.95" customHeight="1" x14ac:dyDescent="0.25">
      <c r="B55" s="62" t="s">
        <v>74</v>
      </c>
      <c r="C55" s="61" t="s">
        <v>106</v>
      </c>
      <c r="D55" s="49"/>
      <c r="E55" s="97"/>
      <c r="F55" s="98"/>
    </row>
    <row r="56" spans="2:6" s="4" customFormat="1" ht="24.95" customHeight="1" x14ac:dyDescent="0.25">
      <c r="B56" s="62" t="s">
        <v>75</v>
      </c>
      <c r="C56" s="61" t="s">
        <v>107</v>
      </c>
      <c r="D56" s="49"/>
      <c r="E56" s="97"/>
      <c r="F56" s="98"/>
    </row>
    <row r="57" spans="2:6" s="4" customFormat="1" ht="24.95" customHeight="1" x14ac:dyDescent="0.25">
      <c r="B57" s="62" t="s">
        <v>76</v>
      </c>
      <c r="C57" s="61" t="s">
        <v>108</v>
      </c>
      <c r="D57" s="49"/>
      <c r="E57" s="97"/>
      <c r="F57" s="98"/>
    </row>
    <row r="58" spans="2:6" s="4" customFormat="1" ht="24.95" customHeight="1" x14ac:dyDescent="0.25">
      <c r="B58" s="62" t="s">
        <v>77</v>
      </c>
      <c r="C58" s="61" t="s">
        <v>109</v>
      </c>
      <c r="D58" s="49"/>
      <c r="E58" s="97"/>
      <c r="F58" s="98"/>
    </row>
    <row r="59" spans="2:6" s="4" customFormat="1" ht="24.95" customHeight="1" x14ac:dyDescent="0.25">
      <c r="B59" s="62" t="s">
        <v>78</v>
      </c>
      <c r="C59" s="61" t="s">
        <v>110</v>
      </c>
      <c r="D59" s="49"/>
      <c r="E59" s="97"/>
      <c r="F59" s="98"/>
    </row>
    <row r="60" spans="2:6" s="4" customFormat="1" ht="24.95" customHeight="1" x14ac:dyDescent="0.25">
      <c r="B60" s="62" t="s">
        <v>79</v>
      </c>
      <c r="C60" s="61" t="s">
        <v>111</v>
      </c>
      <c r="D60" s="49"/>
      <c r="E60" s="97"/>
      <c r="F60" s="98"/>
    </row>
    <row r="61" spans="2:6" s="4" customFormat="1" ht="24.95" customHeight="1" x14ac:dyDescent="0.25">
      <c r="B61" s="62" t="s">
        <v>80</v>
      </c>
      <c r="C61" s="61" t="s">
        <v>112</v>
      </c>
      <c r="D61" s="49"/>
      <c r="E61" s="97"/>
      <c r="F61" s="98"/>
    </row>
    <row r="62" spans="2:6" s="4" customFormat="1" ht="24.95" customHeight="1" x14ac:dyDescent="0.25">
      <c r="B62" s="62" t="s">
        <v>81</v>
      </c>
      <c r="C62" s="61" t="s">
        <v>113</v>
      </c>
      <c r="D62" s="49"/>
      <c r="E62" s="97"/>
      <c r="F62" s="98"/>
    </row>
    <row r="63" spans="2:6" s="4" customFormat="1" ht="24.95" customHeight="1" x14ac:dyDescent="0.25">
      <c r="B63" s="62" t="s">
        <v>82</v>
      </c>
      <c r="C63" s="61" t="s">
        <v>114</v>
      </c>
      <c r="D63" s="49"/>
      <c r="E63" s="97"/>
      <c r="F63" s="98"/>
    </row>
    <row r="64" spans="2:6" s="4" customFormat="1" ht="24.95" customHeight="1" x14ac:dyDescent="0.25">
      <c r="B64" s="62" t="s">
        <v>83</v>
      </c>
      <c r="C64" s="61" t="s">
        <v>115</v>
      </c>
      <c r="D64" s="49"/>
      <c r="E64" s="97"/>
      <c r="F64" s="98"/>
    </row>
    <row r="65" spans="2:6" s="4" customFormat="1" ht="30" customHeight="1" x14ac:dyDescent="0.25">
      <c r="B65" s="62" t="s">
        <v>116</v>
      </c>
      <c r="C65" s="61" t="s">
        <v>117</v>
      </c>
      <c r="D65" s="49"/>
      <c r="E65" s="97"/>
      <c r="F65" s="98"/>
    </row>
    <row r="66" spans="2:6" s="4" customFormat="1" ht="24.95" customHeight="1" x14ac:dyDescent="0.25">
      <c r="B66" s="62" t="s">
        <v>118</v>
      </c>
      <c r="C66" s="61" t="s">
        <v>119</v>
      </c>
      <c r="D66" s="49"/>
      <c r="E66" s="97"/>
      <c r="F66" s="98"/>
    </row>
    <row r="67" spans="2:6" s="4" customFormat="1" ht="24.95" customHeight="1" x14ac:dyDescent="0.25">
      <c r="B67" s="62" t="s">
        <v>120</v>
      </c>
      <c r="C67" s="61" t="s">
        <v>121</v>
      </c>
      <c r="D67" s="49"/>
      <c r="E67" s="97"/>
      <c r="F67" s="98"/>
    </row>
    <row r="68" spans="2:6" s="4" customFormat="1" ht="24.95" customHeight="1" x14ac:dyDescent="0.25">
      <c r="B68" s="62" t="s">
        <v>122</v>
      </c>
      <c r="C68" s="61" t="s">
        <v>123</v>
      </c>
      <c r="D68" s="49"/>
      <c r="E68" s="97"/>
      <c r="F68" s="98"/>
    </row>
    <row r="69" spans="2:6" s="4" customFormat="1" ht="24.95" customHeight="1" x14ac:dyDescent="0.25">
      <c r="B69" s="62" t="s">
        <v>124</v>
      </c>
      <c r="C69" s="61" t="s">
        <v>125</v>
      </c>
      <c r="D69" s="49"/>
      <c r="E69" s="97"/>
      <c r="F69" s="98"/>
    </row>
    <row r="70" spans="2:6" s="4" customFormat="1" ht="24.95" customHeight="1" x14ac:dyDescent="0.25">
      <c r="B70" s="62" t="s">
        <v>126</v>
      </c>
      <c r="C70" s="61" t="s">
        <v>127</v>
      </c>
      <c r="D70" s="49"/>
      <c r="E70" s="97"/>
      <c r="F70" s="98"/>
    </row>
    <row r="71" spans="2:6" s="4" customFormat="1" ht="24.95" customHeight="1" x14ac:dyDescent="0.25">
      <c r="B71" s="62" t="s">
        <v>128</v>
      </c>
      <c r="C71" s="61" t="s">
        <v>129</v>
      </c>
      <c r="D71" s="49"/>
      <c r="E71" s="97"/>
      <c r="F71" s="98"/>
    </row>
    <row r="72" spans="2:6" s="4" customFormat="1" ht="24.95" customHeight="1" x14ac:dyDescent="0.25">
      <c r="B72" s="62" t="s">
        <v>130</v>
      </c>
      <c r="C72" s="61" t="s">
        <v>131</v>
      </c>
      <c r="D72" s="49"/>
      <c r="E72" s="97"/>
      <c r="F72" s="98"/>
    </row>
    <row r="73" spans="2:6" s="4" customFormat="1" ht="24.95" customHeight="1" x14ac:dyDescent="0.25">
      <c r="B73" s="62" t="s">
        <v>132</v>
      </c>
      <c r="C73" s="61" t="s">
        <v>133</v>
      </c>
      <c r="D73" s="49"/>
      <c r="E73" s="97"/>
      <c r="F73" s="98"/>
    </row>
    <row r="74" spans="2:6" s="4" customFormat="1" ht="24.95" customHeight="1" x14ac:dyDescent="0.25">
      <c r="B74" s="62" t="s">
        <v>134</v>
      </c>
      <c r="C74" s="61" t="s">
        <v>135</v>
      </c>
      <c r="D74" s="49"/>
      <c r="E74" s="97"/>
      <c r="F74" s="98"/>
    </row>
    <row r="75" spans="2:6" s="4" customFormat="1" ht="30" customHeight="1" x14ac:dyDescent="0.25">
      <c r="B75" s="62" t="s">
        <v>136</v>
      </c>
      <c r="C75" s="61" t="s">
        <v>137</v>
      </c>
      <c r="D75" s="49"/>
      <c r="E75" s="97"/>
      <c r="F75" s="98"/>
    </row>
    <row r="76" spans="2:6" s="4" customFormat="1" ht="24.95" customHeight="1" x14ac:dyDescent="0.25">
      <c r="B76" s="62" t="s">
        <v>138</v>
      </c>
      <c r="C76" s="61" t="s">
        <v>139</v>
      </c>
      <c r="D76" s="49" t="s">
        <v>300</v>
      </c>
      <c r="E76" s="146" t="s">
        <v>300</v>
      </c>
      <c r="F76" s="147"/>
    </row>
    <row r="77" spans="2:6" s="4" customFormat="1" ht="24.95" customHeight="1" x14ac:dyDescent="0.25">
      <c r="B77" s="56" t="s">
        <v>140</v>
      </c>
      <c r="C77" s="61" t="s">
        <v>141</v>
      </c>
      <c r="D77" s="49"/>
      <c r="E77" s="146"/>
      <c r="F77" s="147"/>
    </row>
    <row r="78" spans="2:6" s="4" customFormat="1" ht="24.95" customHeight="1" x14ac:dyDescent="0.25">
      <c r="B78" s="59" t="s">
        <v>142</v>
      </c>
      <c r="C78" s="61" t="s">
        <v>143</v>
      </c>
      <c r="D78" s="49"/>
      <c r="E78" s="146"/>
      <c r="F78" s="147"/>
    </row>
    <row r="79" spans="2:6" s="4" customFormat="1" ht="24.95" customHeight="1" x14ac:dyDescent="0.25">
      <c r="B79" s="63" t="s">
        <v>144</v>
      </c>
      <c r="C79" s="61" t="s">
        <v>145</v>
      </c>
      <c r="D79" s="49"/>
      <c r="E79" s="146"/>
      <c r="F79" s="147"/>
    </row>
    <row r="80" spans="2:6" s="4" customFormat="1" ht="24.95" customHeight="1" x14ac:dyDescent="0.25">
      <c r="B80" s="63" t="s">
        <v>146</v>
      </c>
      <c r="C80" s="61" t="s">
        <v>147</v>
      </c>
      <c r="D80" s="49"/>
      <c r="E80" s="146"/>
      <c r="F80" s="147"/>
    </row>
    <row r="81" spans="2:6" s="4" customFormat="1" ht="24.95" customHeight="1" x14ac:dyDescent="0.25">
      <c r="B81" s="64" t="s">
        <v>148</v>
      </c>
      <c r="C81" s="61" t="s">
        <v>143</v>
      </c>
      <c r="D81" s="49"/>
      <c r="E81" s="146"/>
      <c r="F81" s="147"/>
    </row>
    <row r="82" spans="2:6" s="4" customFormat="1" ht="24.95" customHeight="1" x14ac:dyDescent="0.25">
      <c r="B82" s="64" t="s">
        <v>149</v>
      </c>
      <c r="C82" s="61" t="s">
        <v>150</v>
      </c>
      <c r="D82" s="49"/>
      <c r="E82" s="146"/>
      <c r="F82" s="147"/>
    </row>
    <row r="83" spans="2:6" s="4" customFormat="1" ht="24.95" customHeight="1" x14ac:dyDescent="0.25">
      <c r="B83" s="63" t="s">
        <v>151</v>
      </c>
      <c r="C83" s="61" t="s">
        <v>152</v>
      </c>
      <c r="D83" s="49"/>
      <c r="E83" s="146"/>
      <c r="F83" s="147"/>
    </row>
    <row r="84" spans="2:6" s="4" customFormat="1" ht="24.95" customHeight="1" x14ac:dyDescent="0.25">
      <c r="B84" s="64" t="s">
        <v>153</v>
      </c>
      <c r="C84" s="61" t="s">
        <v>143</v>
      </c>
      <c r="D84" s="49"/>
      <c r="E84" s="146"/>
      <c r="F84" s="147"/>
    </row>
    <row r="85" spans="2:6" s="4" customFormat="1" ht="24.95" customHeight="1" x14ac:dyDescent="0.25">
      <c r="B85" s="64" t="s">
        <v>154</v>
      </c>
      <c r="C85" s="61" t="s">
        <v>155</v>
      </c>
      <c r="D85" s="49"/>
      <c r="E85" s="146"/>
      <c r="F85" s="147"/>
    </row>
    <row r="86" spans="2:6" s="4" customFormat="1" ht="24.95" customHeight="1" thickBot="1" x14ac:dyDescent="0.3">
      <c r="B86" s="63" t="s">
        <v>156</v>
      </c>
      <c r="C86" s="61" t="s">
        <v>157</v>
      </c>
      <c r="D86" s="49"/>
      <c r="E86" s="146"/>
      <c r="F86" s="147"/>
    </row>
    <row r="87" spans="2:6" s="25" customFormat="1" ht="30.75" customHeight="1" x14ac:dyDescent="0.25">
      <c r="B87" s="120" t="s">
        <v>298</v>
      </c>
      <c r="C87" s="121"/>
      <c r="D87" s="121"/>
      <c r="E87" s="121"/>
      <c r="F87" s="122"/>
    </row>
    <row r="88" spans="2:6" s="4" customFormat="1" ht="24.95" customHeight="1" x14ac:dyDescent="0.25">
      <c r="B88" s="65" t="s">
        <v>16</v>
      </c>
      <c r="C88" s="58" t="s">
        <v>158</v>
      </c>
      <c r="D88" s="49"/>
      <c r="E88" s="148"/>
      <c r="F88" s="149"/>
    </row>
    <row r="89" spans="2:6" s="4" customFormat="1" ht="24.95" customHeight="1" x14ac:dyDescent="0.25">
      <c r="B89" s="65" t="s">
        <v>58</v>
      </c>
      <c r="C89" s="58" t="s">
        <v>159</v>
      </c>
      <c r="D89" s="49"/>
      <c r="E89" s="148"/>
      <c r="F89" s="149"/>
    </row>
    <row r="90" spans="2:6" s="4" customFormat="1" ht="24.95" customHeight="1" x14ac:dyDescent="0.25">
      <c r="B90" s="65" t="s">
        <v>160</v>
      </c>
      <c r="C90" s="58" t="s">
        <v>161</v>
      </c>
      <c r="D90" s="49"/>
      <c r="E90" s="148"/>
      <c r="F90" s="149"/>
    </row>
    <row r="91" spans="2:6" s="4" customFormat="1" ht="24.95" customHeight="1" x14ac:dyDescent="0.25">
      <c r="B91" s="65" t="s">
        <v>162</v>
      </c>
      <c r="C91" s="58" t="s">
        <v>163</v>
      </c>
      <c r="D91" s="49"/>
      <c r="E91" s="148"/>
      <c r="F91" s="149"/>
    </row>
    <row r="92" spans="2:6" s="4" customFormat="1" ht="24.95" customHeight="1" x14ac:dyDescent="0.25">
      <c r="B92" s="65" t="s">
        <v>164</v>
      </c>
      <c r="C92" s="58" t="s">
        <v>165</v>
      </c>
      <c r="D92" s="49"/>
      <c r="E92" s="148"/>
      <c r="F92" s="149"/>
    </row>
    <row r="93" spans="2:6" s="4" customFormat="1" ht="24.95" customHeight="1" x14ac:dyDescent="0.25">
      <c r="B93" s="65" t="s">
        <v>166</v>
      </c>
      <c r="C93" s="58" t="s">
        <v>167</v>
      </c>
      <c r="D93" s="49"/>
      <c r="E93" s="99"/>
      <c r="F93" s="100"/>
    </row>
    <row r="94" spans="2:6" s="4" customFormat="1" ht="30" customHeight="1" x14ac:dyDescent="0.25">
      <c r="B94" s="65" t="s">
        <v>168</v>
      </c>
      <c r="C94" s="58" t="s">
        <v>169</v>
      </c>
      <c r="D94" s="49"/>
      <c r="E94" s="99"/>
      <c r="F94" s="100"/>
    </row>
    <row r="95" spans="2:6" s="4" customFormat="1" ht="24.95" customHeight="1" x14ac:dyDescent="0.25">
      <c r="B95" s="65" t="s">
        <v>170</v>
      </c>
      <c r="C95" s="58" t="s">
        <v>171</v>
      </c>
      <c r="D95" s="49"/>
      <c r="E95" s="99"/>
      <c r="F95" s="100"/>
    </row>
    <row r="96" spans="2:6" s="4" customFormat="1" ht="24.95" customHeight="1" x14ac:dyDescent="0.25">
      <c r="B96" s="65" t="s">
        <v>172</v>
      </c>
      <c r="C96" s="58" t="s">
        <v>173</v>
      </c>
      <c r="D96" s="49"/>
      <c r="E96" s="99"/>
      <c r="F96" s="100"/>
    </row>
    <row r="97" spans="2:6" s="4" customFormat="1" ht="24.95" customHeight="1" x14ac:dyDescent="0.25">
      <c r="B97" s="65" t="s">
        <v>174</v>
      </c>
      <c r="C97" s="58" t="s">
        <v>175</v>
      </c>
      <c r="D97" s="49"/>
      <c r="E97" s="99"/>
      <c r="F97" s="100"/>
    </row>
    <row r="98" spans="2:6" s="4" customFormat="1" ht="24.95" customHeight="1" thickBot="1" x14ac:dyDescent="0.3">
      <c r="B98" s="66" t="s">
        <v>176</v>
      </c>
      <c r="C98" s="67" t="s">
        <v>177</v>
      </c>
      <c r="D98" s="50"/>
      <c r="E98" s="134"/>
      <c r="F98" s="135"/>
    </row>
    <row r="99" spans="2:6" s="3" customFormat="1" ht="5.0999999999999996" customHeight="1" x14ac:dyDescent="0.25">
      <c r="B99" s="5"/>
      <c r="C99" s="5"/>
      <c r="D99" s="7"/>
      <c r="E99" s="7"/>
      <c r="F99" s="26"/>
    </row>
    <row r="100" spans="2:6" s="2" customFormat="1" ht="20.100000000000001" customHeight="1" x14ac:dyDescent="0.25">
      <c r="B100" s="102" t="s">
        <v>48</v>
      </c>
      <c r="C100" s="102"/>
      <c r="D100" s="102"/>
      <c r="E100" s="102"/>
      <c r="F100" s="102"/>
    </row>
    <row r="101" spans="2:6" s="2" customFormat="1" ht="5.0999999999999996" customHeight="1" thickBot="1" x14ac:dyDescent="0.3">
      <c r="B101" s="15"/>
      <c r="D101" s="6"/>
      <c r="E101" s="6"/>
      <c r="F101" s="6"/>
    </row>
    <row r="102" spans="2:6" s="3" customFormat="1" ht="69" customHeight="1" x14ac:dyDescent="0.25">
      <c r="B102" s="123" t="s">
        <v>8</v>
      </c>
      <c r="C102" s="124"/>
      <c r="D102" s="115" t="s">
        <v>31</v>
      </c>
      <c r="E102" s="116"/>
      <c r="F102" s="117"/>
    </row>
    <row r="103" spans="2:6" s="3" customFormat="1" ht="30" customHeight="1" thickBot="1" x14ac:dyDescent="0.3">
      <c r="B103" s="125"/>
      <c r="C103" s="126"/>
      <c r="D103" s="24" t="s">
        <v>7</v>
      </c>
      <c r="E103" s="140" t="s">
        <v>32</v>
      </c>
      <c r="F103" s="141"/>
    </row>
    <row r="104" spans="2:6" s="2" customFormat="1" ht="24.95" customHeight="1" x14ac:dyDescent="0.25">
      <c r="B104" s="68" t="s">
        <v>16</v>
      </c>
      <c r="C104" s="69" t="s">
        <v>179</v>
      </c>
      <c r="D104" s="49"/>
      <c r="E104" s="89"/>
      <c r="F104" s="90"/>
    </row>
    <row r="105" spans="2:6" s="2" customFormat="1" ht="24.95" customHeight="1" x14ac:dyDescent="0.25">
      <c r="B105" s="80" t="s">
        <v>58</v>
      </c>
      <c r="C105" s="72" t="s">
        <v>180</v>
      </c>
      <c r="D105" s="81" t="s">
        <v>300</v>
      </c>
      <c r="E105" s="150" t="s">
        <v>300</v>
      </c>
      <c r="F105" s="151"/>
    </row>
    <row r="106" spans="2:6" s="2" customFormat="1" ht="42" customHeight="1" x14ac:dyDescent="0.25">
      <c r="B106" s="71" t="s">
        <v>181</v>
      </c>
      <c r="C106" s="73" t="s">
        <v>182</v>
      </c>
      <c r="D106" s="82"/>
      <c r="E106" s="95"/>
      <c r="F106" s="96"/>
    </row>
    <row r="107" spans="2:6" s="2" customFormat="1" ht="24.95" customHeight="1" x14ac:dyDescent="0.25">
      <c r="B107" s="71" t="s">
        <v>183</v>
      </c>
      <c r="C107" s="73" t="s">
        <v>184</v>
      </c>
      <c r="D107" s="82"/>
      <c r="E107" s="95"/>
      <c r="F107" s="96"/>
    </row>
    <row r="108" spans="2:6" s="2" customFormat="1" ht="24.95" customHeight="1" x14ac:dyDescent="0.25">
      <c r="B108" s="71" t="s">
        <v>185</v>
      </c>
      <c r="C108" s="73" t="s">
        <v>186</v>
      </c>
      <c r="D108" s="82"/>
      <c r="E108" s="95"/>
      <c r="F108" s="96"/>
    </row>
    <row r="109" spans="2:6" s="2" customFormat="1" ht="60.75" customHeight="1" x14ac:dyDescent="0.25">
      <c r="B109" s="71" t="s">
        <v>187</v>
      </c>
      <c r="C109" s="73" t="s">
        <v>188</v>
      </c>
      <c r="D109" s="82"/>
      <c r="E109" s="95"/>
      <c r="F109" s="96"/>
    </row>
    <row r="110" spans="2:6" s="2" customFormat="1" ht="42.75" customHeight="1" x14ac:dyDescent="0.25">
      <c r="B110" s="71" t="s">
        <v>189</v>
      </c>
      <c r="C110" s="73" t="s">
        <v>190</v>
      </c>
      <c r="D110" s="82"/>
      <c r="E110" s="95"/>
      <c r="F110" s="96"/>
    </row>
    <row r="111" spans="2:6" s="2" customFormat="1" ht="135.75" customHeight="1" x14ac:dyDescent="0.25">
      <c r="B111" s="74" t="s">
        <v>191</v>
      </c>
      <c r="C111" s="75" t="s">
        <v>192</v>
      </c>
      <c r="D111" s="83"/>
      <c r="E111" s="91"/>
      <c r="F111" s="92"/>
    </row>
    <row r="112" spans="2:6" s="2" customFormat="1" ht="30.75" customHeight="1" x14ac:dyDescent="0.25">
      <c r="B112" s="76" t="s">
        <v>59</v>
      </c>
      <c r="C112" s="70" t="s">
        <v>193</v>
      </c>
      <c r="D112" s="49"/>
      <c r="E112" s="89"/>
      <c r="F112" s="90"/>
    </row>
    <row r="113" spans="2:6" s="2" customFormat="1" ht="63" customHeight="1" x14ac:dyDescent="0.25">
      <c r="B113" s="76" t="s">
        <v>60</v>
      </c>
      <c r="C113" s="77" t="s">
        <v>194</v>
      </c>
      <c r="D113" s="49"/>
      <c r="E113" s="89"/>
      <c r="F113" s="90"/>
    </row>
    <row r="114" spans="2:6" s="2" customFormat="1" ht="96.75" customHeight="1" x14ac:dyDescent="0.25">
      <c r="B114" s="48" t="s">
        <v>61</v>
      </c>
      <c r="C114" s="70" t="s">
        <v>195</v>
      </c>
      <c r="D114" s="49"/>
      <c r="E114" s="89"/>
      <c r="F114" s="90"/>
    </row>
    <row r="115" spans="2:6" s="2" customFormat="1" ht="74.25" customHeight="1" x14ac:dyDescent="0.25">
      <c r="B115" s="76" t="s">
        <v>62</v>
      </c>
      <c r="C115" s="70" t="s">
        <v>196</v>
      </c>
      <c r="D115" s="49"/>
      <c r="E115" s="89"/>
      <c r="F115" s="90"/>
    </row>
    <row r="116" spans="2:6" s="2" customFormat="1" ht="86.25" customHeight="1" x14ac:dyDescent="0.25">
      <c r="B116" s="76" t="s">
        <v>70</v>
      </c>
      <c r="C116" s="70" t="s">
        <v>197</v>
      </c>
      <c r="D116" s="49"/>
      <c r="E116" s="89"/>
      <c r="F116" s="90"/>
    </row>
    <row r="117" spans="2:6" s="2" customFormat="1" ht="103.5" customHeight="1" x14ac:dyDescent="0.25">
      <c r="B117" s="48" t="s">
        <v>63</v>
      </c>
      <c r="C117" s="70" t="s">
        <v>198</v>
      </c>
      <c r="D117" s="49"/>
      <c r="E117" s="89"/>
      <c r="F117" s="90"/>
    </row>
    <row r="118" spans="2:6" s="2" customFormat="1" ht="99.75" customHeight="1" x14ac:dyDescent="0.25">
      <c r="B118" s="79" t="s">
        <v>64</v>
      </c>
      <c r="C118" s="85" t="s">
        <v>199</v>
      </c>
      <c r="D118" s="81"/>
      <c r="E118" s="93"/>
      <c r="F118" s="94"/>
    </row>
    <row r="119" spans="2:6" s="2" customFormat="1" ht="30" customHeight="1" x14ac:dyDescent="0.25">
      <c r="B119" s="78" t="s">
        <v>200</v>
      </c>
      <c r="C119" s="86" t="s">
        <v>201</v>
      </c>
      <c r="D119" s="82"/>
      <c r="E119" s="95"/>
      <c r="F119" s="96"/>
    </row>
    <row r="120" spans="2:6" s="2" customFormat="1" ht="48" customHeight="1" x14ac:dyDescent="0.25">
      <c r="B120" s="78" t="s">
        <v>202</v>
      </c>
      <c r="C120" s="86" t="s">
        <v>203</v>
      </c>
      <c r="D120" s="82"/>
      <c r="E120" s="95"/>
      <c r="F120" s="96"/>
    </row>
    <row r="121" spans="2:6" s="2" customFormat="1" ht="63.75" x14ac:dyDescent="0.25">
      <c r="B121" s="78" t="s">
        <v>204</v>
      </c>
      <c r="C121" s="86" t="s">
        <v>205</v>
      </c>
      <c r="D121" s="82"/>
      <c r="E121" s="95"/>
      <c r="F121" s="96"/>
    </row>
    <row r="122" spans="2:6" s="2" customFormat="1" ht="44.25" customHeight="1" x14ac:dyDescent="0.25">
      <c r="B122" s="78" t="s">
        <v>206</v>
      </c>
      <c r="C122" s="86" t="s">
        <v>207</v>
      </c>
      <c r="D122" s="82"/>
      <c r="E122" s="95"/>
      <c r="F122" s="96"/>
    </row>
    <row r="123" spans="2:6" s="2" customFormat="1" ht="30" customHeight="1" x14ac:dyDescent="0.25">
      <c r="B123" s="78" t="s">
        <v>208</v>
      </c>
      <c r="C123" s="86" t="s">
        <v>209</v>
      </c>
      <c r="D123" s="82"/>
      <c r="E123" s="95"/>
      <c r="F123" s="96"/>
    </row>
    <row r="124" spans="2:6" s="2" customFormat="1" ht="63.75" x14ac:dyDescent="0.25">
      <c r="B124" s="78" t="s">
        <v>210</v>
      </c>
      <c r="C124" s="86" t="s">
        <v>211</v>
      </c>
      <c r="D124" s="82"/>
      <c r="E124" s="95"/>
      <c r="F124" s="96"/>
    </row>
    <row r="125" spans="2:6" s="2" customFormat="1" ht="30.75" customHeight="1" x14ac:dyDescent="0.25">
      <c r="B125" s="78" t="s">
        <v>212</v>
      </c>
      <c r="C125" s="86" t="s">
        <v>213</v>
      </c>
      <c r="D125" s="82"/>
      <c r="E125" s="95"/>
      <c r="F125" s="96"/>
    </row>
    <row r="126" spans="2:6" s="2" customFormat="1" ht="30.75" customHeight="1" x14ac:dyDescent="0.25">
      <c r="B126" s="78" t="s">
        <v>214</v>
      </c>
      <c r="C126" s="86" t="s">
        <v>215</v>
      </c>
      <c r="D126" s="82"/>
      <c r="E126" s="95"/>
      <c r="F126" s="96"/>
    </row>
    <row r="127" spans="2:6" s="2" customFormat="1" ht="44.25" customHeight="1" x14ac:dyDescent="0.25">
      <c r="B127" s="78" t="s">
        <v>216</v>
      </c>
      <c r="C127" s="86" t="s">
        <v>217</v>
      </c>
      <c r="D127" s="82"/>
      <c r="E127" s="95"/>
      <c r="F127" s="96"/>
    </row>
    <row r="128" spans="2:6" s="2" customFormat="1" ht="58.5" customHeight="1" x14ac:dyDescent="0.25">
      <c r="B128" s="87" t="s">
        <v>218</v>
      </c>
      <c r="C128" s="88" t="s">
        <v>219</v>
      </c>
      <c r="D128" s="83"/>
      <c r="E128" s="91"/>
      <c r="F128" s="92"/>
    </row>
    <row r="129" spans="2:6" s="2" customFormat="1" ht="57.75" customHeight="1" x14ac:dyDescent="0.25">
      <c r="B129" s="80" t="s">
        <v>65</v>
      </c>
      <c r="C129" s="72" t="s">
        <v>220</v>
      </c>
      <c r="D129" s="81"/>
      <c r="E129" s="93"/>
      <c r="F129" s="94"/>
    </row>
    <row r="130" spans="2:6" s="2" customFormat="1" ht="88.5" customHeight="1" x14ac:dyDescent="0.25">
      <c r="B130" s="74" t="s">
        <v>221</v>
      </c>
      <c r="C130" s="75" t="s">
        <v>222</v>
      </c>
      <c r="D130" s="83"/>
      <c r="E130" s="91"/>
      <c r="F130" s="92"/>
    </row>
    <row r="131" spans="2:6" s="2" customFormat="1" ht="30" customHeight="1" x14ac:dyDescent="0.25">
      <c r="B131" s="79" t="s">
        <v>66</v>
      </c>
      <c r="C131" s="72" t="s">
        <v>223</v>
      </c>
      <c r="D131" s="81"/>
      <c r="E131" s="93"/>
      <c r="F131" s="94"/>
    </row>
    <row r="132" spans="2:6" s="2" customFormat="1" ht="30" customHeight="1" x14ac:dyDescent="0.25">
      <c r="B132" s="78" t="s">
        <v>224</v>
      </c>
      <c r="C132" s="73" t="s">
        <v>225</v>
      </c>
      <c r="D132" s="82"/>
      <c r="E132" s="95"/>
      <c r="F132" s="96"/>
    </row>
    <row r="133" spans="2:6" s="2" customFormat="1" ht="60.75" customHeight="1" x14ac:dyDescent="0.25">
      <c r="B133" s="87" t="s">
        <v>226</v>
      </c>
      <c r="C133" s="75" t="s">
        <v>227</v>
      </c>
      <c r="D133" s="83"/>
      <c r="E133" s="91"/>
      <c r="F133" s="92"/>
    </row>
    <row r="134" spans="2:6" s="2" customFormat="1" ht="72.75" customHeight="1" x14ac:dyDescent="0.25">
      <c r="B134" s="79" t="s">
        <v>71</v>
      </c>
      <c r="C134" s="72" t="s">
        <v>228</v>
      </c>
      <c r="D134" s="81"/>
      <c r="E134" s="93"/>
      <c r="F134" s="94"/>
    </row>
    <row r="135" spans="2:6" s="2" customFormat="1" ht="58.5" customHeight="1" x14ac:dyDescent="0.25">
      <c r="B135" s="78" t="s">
        <v>229</v>
      </c>
      <c r="C135" s="73" t="s">
        <v>230</v>
      </c>
      <c r="D135" s="82"/>
      <c r="E135" s="95"/>
      <c r="F135" s="96"/>
    </row>
    <row r="136" spans="2:6" s="2" customFormat="1" ht="48.75" customHeight="1" x14ac:dyDescent="0.25">
      <c r="B136" s="87" t="s">
        <v>231</v>
      </c>
      <c r="C136" s="75" t="s">
        <v>232</v>
      </c>
      <c r="D136" s="83"/>
      <c r="E136" s="91"/>
      <c r="F136" s="92"/>
    </row>
    <row r="137" spans="2:6" s="2" customFormat="1" ht="124.5" customHeight="1" x14ac:dyDescent="0.25">
      <c r="B137" s="48" t="s">
        <v>72</v>
      </c>
      <c r="C137" s="70" t="s">
        <v>233</v>
      </c>
      <c r="D137" s="49"/>
      <c r="E137" s="89"/>
      <c r="F137" s="90"/>
    </row>
    <row r="138" spans="2:6" s="2" customFormat="1" ht="116.25" customHeight="1" x14ac:dyDescent="0.25">
      <c r="B138" s="48" t="s">
        <v>67</v>
      </c>
      <c r="C138" s="70" t="s">
        <v>234</v>
      </c>
      <c r="D138" s="49"/>
      <c r="E138" s="89"/>
      <c r="F138" s="90"/>
    </row>
    <row r="139" spans="2:6" s="2" customFormat="1" ht="44.25" customHeight="1" x14ac:dyDescent="0.25">
      <c r="B139" s="48" t="s">
        <v>73</v>
      </c>
      <c r="C139" s="70" t="s">
        <v>235</v>
      </c>
      <c r="D139" s="49"/>
      <c r="E139" s="89"/>
      <c r="F139" s="90"/>
    </row>
    <row r="140" spans="2:6" s="2" customFormat="1" ht="70.5" customHeight="1" x14ac:dyDescent="0.25">
      <c r="B140" s="48" t="s">
        <v>74</v>
      </c>
      <c r="C140" s="70" t="s">
        <v>236</v>
      </c>
      <c r="D140" s="49"/>
      <c r="E140" s="89"/>
      <c r="F140" s="90"/>
    </row>
    <row r="141" spans="2:6" s="2" customFormat="1" ht="40.5" customHeight="1" x14ac:dyDescent="0.25">
      <c r="B141" s="48" t="s">
        <v>75</v>
      </c>
      <c r="C141" s="70" t="s">
        <v>237</v>
      </c>
      <c r="D141" s="49"/>
      <c r="E141" s="89"/>
      <c r="F141" s="90"/>
    </row>
    <row r="142" spans="2:6" s="2" customFormat="1" ht="72" customHeight="1" x14ac:dyDescent="0.25">
      <c r="B142" s="48" t="s">
        <v>76</v>
      </c>
      <c r="C142" s="70" t="s">
        <v>238</v>
      </c>
      <c r="D142" s="49"/>
      <c r="E142" s="89"/>
      <c r="F142" s="90"/>
    </row>
    <row r="143" spans="2:6" s="2" customFormat="1" ht="30" customHeight="1" x14ac:dyDescent="0.25">
      <c r="B143" s="48" t="s">
        <v>77</v>
      </c>
      <c r="C143" s="70" t="s">
        <v>239</v>
      </c>
      <c r="D143" s="49"/>
      <c r="E143" s="89"/>
      <c r="F143" s="90"/>
    </row>
    <row r="144" spans="2:6" s="2" customFormat="1" ht="30" customHeight="1" x14ac:dyDescent="0.25">
      <c r="B144" s="79" t="s">
        <v>78</v>
      </c>
      <c r="C144" s="85" t="s">
        <v>240</v>
      </c>
      <c r="D144" s="81"/>
      <c r="E144" s="93"/>
      <c r="F144" s="94"/>
    </row>
    <row r="145" spans="2:6" s="2" customFormat="1" ht="30" customHeight="1" x14ac:dyDescent="0.25">
      <c r="B145" s="78" t="s">
        <v>241</v>
      </c>
      <c r="C145" s="86" t="s">
        <v>242</v>
      </c>
      <c r="D145" s="82"/>
      <c r="E145" s="95"/>
      <c r="F145" s="96"/>
    </row>
    <row r="146" spans="2:6" s="2" customFormat="1" ht="63.75" x14ac:dyDescent="0.25">
      <c r="B146" s="87" t="s">
        <v>243</v>
      </c>
      <c r="C146" s="88" t="s">
        <v>244</v>
      </c>
      <c r="D146" s="83"/>
      <c r="E146" s="91"/>
      <c r="F146" s="92"/>
    </row>
    <row r="147" spans="2:6" s="2" customFormat="1" ht="63" customHeight="1" x14ac:dyDescent="0.25">
      <c r="B147" s="48" t="s">
        <v>79</v>
      </c>
      <c r="C147" s="70" t="s">
        <v>245</v>
      </c>
      <c r="D147" s="49"/>
      <c r="E147" s="89"/>
      <c r="F147" s="90"/>
    </row>
    <row r="148" spans="2:6" s="2" customFormat="1" ht="30.75" customHeight="1" x14ac:dyDescent="0.25">
      <c r="B148" s="48" t="s">
        <v>80</v>
      </c>
      <c r="C148" s="70" t="s">
        <v>246</v>
      </c>
      <c r="D148" s="49"/>
      <c r="E148" s="89"/>
      <c r="F148" s="90"/>
    </row>
    <row r="149" spans="2:6" s="2" customFormat="1" ht="30.75" customHeight="1" x14ac:dyDescent="0.25">
      <c r="B149" s="48" t="s">
        <v>81</v>
      </c>
      <c r="C149" s="70" t="s">
        <v>247</v>
      </c>
      <c r="D149" s="49"/>
      <c r="E149" s="89"/>
      <c r="F149" s="90"/>
    </row>
    <row r="150" spans="2:6" s="2" customFormat="1" ht="24.95" customHeight="1" x14ac:dyDescent="0.25">
      <c r="B150" s="48" t="s">
        <v>82</v>
      </c>
      <c r="C150" s="70" t="s">
        <v>248</v>
      </c>
      <c r="D150" s="49"/>
      <c r="E150" s="89"/>
      <c r="F150" s="90"/>
    </row>
    <row r="151" spans="2:6" s="2" customFormat="1" ht="49.5" customHeight="1" x14ac:dyDescent="0.25">
      <c r="B151" s="48" t="s">
        <v>83</v>
      </c>
      <c r="C151" s="70" t="s">
        <v>249</v>
      </c>
      <c r="D151" s="49"/>
      <c r="E151" s="89"/>
      <c r="F151" s="90"/>
    </row>
    <row r="152" spans="2:6" s="2" customFormat="1" ht="67.5" customHeight="1" x14ac:dyDescent="0.25">
      <c r="B152" s="48" t="s">
        <v>116</v>
      </c>
      <c r="C152" s="70" t="s">
        <v>250</v>
      </c>
      <c r="D152" s="49"/>
      <c r="E152" s="89"/>
      <c r="F152" s="90"/>
    </row>
    <row r="153" spans="2:6" s="2" customFormat="1" ht="91.5" customHeight="1" x14ac:dyDescent="0.25">
      <c r="B153" s="48" t="s">
        <v>118</v>
      </c>
      <c r="C153" s="70" t="s">
        <v>251</v>
      </c>
      <c r="D153" s="49"/>
      <c r="E153" s="89"/>
      <c r="F153" s="90"/>
    </row>
    <row r="154" spans="2:6" s="2" customFormat="1" ht="30" customHeight="1" x14ac:dyDescent="0.25">
      <c r="B154" s="48" t="s">
        <v>120</v>
      </c>
      <c r="C154" s="70" t="s">
        <v>252</v>
      </c>
      <c r="D154" s="49"/>
      <c r="E154" s="89"/>
      <c r="F154" s="90"/>
    </row>
    <row r="155" spans="2:6" s="2" customFormat="1" ht="52.5" customHeight="1" x14ac:dyDescent="0.25">
      <c r="B155" s="48" t="s">
        <v>122</v>
      </c>
      <c r="C155" s="70" t="s">
        <v>253</v>
      </c>
      <c r="D155" s="49"/>
      <c r="E155" s="89"/>
      <c r="F155" s="90"/>
    </row>
    <row r="156" spans="2:6" s="2" customFormat="1" ht="24.95" customHeight="1" x14ac:dyDescent="0.25">
      <c r="B156" s="79" t="s">
        <v>124</v>
      </c>
      <c r="C156" s="85" t="s">
        <v>254</v>
      </c>
      <c r="D156" s="81"/>
      <c r="E156" s="93"/>
      <c r="F156" s="94"/>
    </row>
    <row r="157" spans="2:6" s="2" customFormat="1" ht="24.95" customHeight="1" x14ac:dyDescent="0.25">
      <c r="B157" s="78" t="s">
        <v>255</v>
      </c>
      <c r="C157" s="86" t="s">
        <v>256</v>
      </c>
      <c r="D157" s="82"/>
      <c r="E157" s="95"/>
      <c r="F157" s="96"/>
    </row>
    <row r="158" spans="2:6" s="2" customFormat="1" ht="24.95" customHeight="1" x14ac:dyDescent="0.25">
      <c r="B158" s="78" t="s">
        <v>257</v>
      </c>
      <c r="C158" s="86" t="s">
        <v>258</v>
      </c>
      <c r="D158" s="82"/>
      <c r="E158" s="95"/>
      <c r="F158" s="96"/>
    </row>
    <row r="159" spans="2:6" s="2" customFormat="1" ht="24.95" customHeight="1" x14ac:dyDescent="0.25">
      <c r="B159" s="78" t="s">
        <v>259</v>
      </c>
      <c r="C159" s="86" t="s">
        <v>260</v>
      </c>
      <c r="D159" s="82"/>
      <c r="E159" s="95"/>
      <c r="F159" s="96"/>
    </row>
    <row r="160" spans="2:6" s="2" customFormat="1" ht="30" customHeight="1" x14ac:dyDescent="0.25">
      <c r="B160" s="87" t="s">
        <v>261</v>
      </c>
      <c r="C160" s="88" t="s">
        <v>262</v>
      </c>
      <c r="D160" s="83"/>
      <c r="E160" s="91"/>
      <c r="F160" s="92"/>
    </row>
    <row r="161" spans="2:6" s="2" customFormat="1" ht="30" customHeight="1" x14ac:dyDescent="0.25">
      <c r="B161" s="48" t="s">
        <v>126</v>
      </c>
      <c r="C161" s="70" t="s">
        <v>263</v>
      </c>
      <c r="D161" s="49"/>
      <c r="E161" s="89"/>
      <c r="F161" s="90"/>
    </row>
    <row r="162" spans="2:6" s="2" customFormat="1" ht="24.95" customHeight="1" x14ac:dyDescent="0.25">
      <c r="B162" s="79" t="s">
        <v>128</v>
      </c>
      <c r="C162" s="85" t="s">
        <v>264</v>
      </c>
      <c r="D162" s="81"/>
      <c r="E162" s="93"/>
      <c r="F162" s="94"/>
    </row>
    <row r="163" spans="2:6" s="2" customFormat="1" ht="73.5" customHeight="1" x14ac:dyDescent="0.25">
      <c r="B163" s="78" t="s">
        <v>265</v>
      </c>
      <c r="C163" s="86" t="s">
        <v>266</v>
      </c>
      <c r="D163" s="82"/>
      <c r="E163" s="95"/>
      <c r="F163" s="96"/>
    </row>
    <row r="164" spans="2:6" s="2" customFormat="1" ht="51" customHeight="1" x14ac:dyDescent="0.25">
      <c r="B164" s="87" t="s">
        <v>267</v>
      </c>
      <c r="C164" s="88" t="s">
        <v>268</v>
      </c>
      <c r="D164" s="83"/>
      <c r="E164" s="91"/>
      <c r="F164" s="92"/>
    </row>
    <row r="165" spans="2:6" s="2" customFormat="1" ht="54.75" customHeight="1" x14ac:dyDescent="0.25">
      <c r="B165" s="48" t="s">
        <v>130</v>
      </c>
      <c r="C165" s="70" t="s">
        <v>269</v>
      </c>
      <c r="D165" s="49"/>
      <c r="E165" s="89"/>
      <c r="F165" s="90"/>
    </row>
    <row r="166" spans="2:6" s="2" customFormat="1" ht="51.75" customHeight="1" x14ac:dyDescent="0.25">
      <c r="B166" s="48" t="s">
        <v>132</v>
      </c>
      <c r="C166" s="70" t="s">
        <v>270</v>
      </c>
      <c r="D166" s="49"/>
      <c r="E166" s="89"/>
      <c r="F166" s="90"/>
    </row>
    <row r="167" spans="2:6" s="2" customFormat="1" ht="64.5" customHeight="1" x14ac:dyDescent="0.25">
      <c r="B167" s="48" t="s">
        <v>134</v>
      </c>
      <c r="C167" s="70" t="s">
        <v>271</v>
      </c>
      <c r="D167" s="49"/>
      <c r="E167" s="89"/>
      <c r="F167" s="90"/>
    </row>
    <row r="168" spans="2:6" s="2" customFormat="1" ht="81" customHeight="1" x14ac:dyDescent="0.25">
      <c r="B168" s="48" t="s">
        <v>136</v>
      </c>
      <c r="C168" s="70" t="s">
        <v>272</v>
      </c>
      <c r="D168" s="49"/>
      <c r="E168" s="89"/>
      <c r="F168" s="90"/>
    </row>
    <row r="169" spans="2:6" s="2" customFormat="1" ht="81" customHeight="1" x14ac:dyDescent="0.25">
      <c r="B169" s="48" t="s">
        <v>138</v>
      </c>
      <c r="C169" s="70" t="s">
        <v>273</v>
      </c>
      <c r="D169" s="49"/>
      <c r="E169" s="89"/>
      <c r="F169" s="90"/>
    </row>
    <row r="170" spans="2:6" s="2" customFormat="1" ht="30" customHeight="1" x14ac:dyDescent="0.25">
      <c r="B170" s="48" t="s">
        <v>274</v>
      </c>
      <c r="C170" s="70" t="s">
        <v>275</v>
      </c>
      <c r="D170" s="49"/>
      <c r="E170" s="89"/>
      <c r="F170" s="90"/>
    </row>
    <row r="171" spans="2:6" s="2" customFormat="1" ht="118.5" customHeight="1" x14ac:dyDescent="0.25">
      <c r="B171" s="48" t="s">
        <v>276</v>
      </c>
      <c r="C171" s="70" t="s">
        <v>277</v>
      </c>
      <c r="D171" s="49"/>
      <c r="E171" s="89"/>
      <c r="F171" s="90"/>
    </row>
    <row r="172" spans="2:6" s="2" customFormat="1" ht="111.75" customHeight="1" x14ac:dyDescent="0.25">
      <c r="B172" s="48" t="s">
        <v>278</v>
      </c>
      <c r="C172" s="70" t="s">
        <v>279</v>
      </c>
      <c r="D172" s="49"/>
      <c r="E172" s="89"/>
      <c r="F172" s="90"/>
    </row>
    <row r="173" spans="2:6" s="2" customFormat="1" ht="61.5" customHeight="1" x14ac:dyDescent="0.25">
      <c r="B173" s="48" t="s">
        <v>280</v>
      </c>
      <c r="C173" s="70" t="s">
        <v>281</v>
      </c>
      <c r="D173" s="49"/>
      <c r="E173" s="89"/>
      <c r="F173" s="90"/>
    </row>
    <row r="174" spans="2:6" s="2" customFormat="1" ht="114.75" x14ac:dyDescent="0.25">
      <c r="B174" s="48" t="s">
        <v>282</v>
      </c>
      <c r="C174" s="70" t="s">
        <v>283</v>
      </c>
      <c r="D174" s="49"/>
      <c r="E174" s="89"/>
      <c r="F174" s="90"/>
    </row>
    <row r="175" spans="2:6" s="2" customFormat="1" ht="102" x14ac:dyDescent="0.25">
      <c r="B175" s="48" t="s">
        <v>284</v>
      </c>
      <c r="C175" s="70" t="s">
        <v>285</v>
      </c>
      <c r="D175" s="49"/>
      <c r="E175" s="89"/>
      <c r="F175" s="90"/>
    </row>
    <row r="176" spans="2:6" s="2" customFormat="1" ht="81" customHeight="1" x14ac:dyDescent="0.25">
      <c r="B176" s="48" t="s">
        <v>286</v>
      </c>
      <c r="C176" s="70" t="s">
        <v>287</v>
      </c>
      <c r="D176" s="49"/>
      <c r="E176" s="89"/>
      <c r="F176" s="90"/>
    </row>
    <row r="177" spans="2:7" s="2" customFormat="1" ht="191.25" x14ac:dyDescent="0.25">
      <c r="B177" s="48" t="s">
        <v>288</v>
      </c>
      <c r="C177" s="70" t="s">
        <v>289</v>
      </c>
      <c r="D177" s="49"/>
      <c r="E177" s="89"/>
      <c r="F177" s="90"/>
    </row>
    <row r="178" spans="2:7" s="2" customFormat="1" ht="96.75" customHeight="1" x14ac:dyDescent="0.25">
      <c r="B178" s="48" t="s">
        <v>290</v>
      </c>
      <c r="C178" s="70" t="s">
        <v>291</v>
      </c>
      <c r="D178" s="49"/>
      <c r="E178" s="89"/>
      <c r="F178" s="90"/>
    </row>
    <row r="179" spans="2:7" s="2" customFormat="1" ht="130.5" customHeight="1" x14ac:dyDescent="0.25">
      <c r="B179" s="48" t="s">
        <v>292</v>
      </c>
      <c r="C179" s="70" t="s">
        <v>293</v>
      </c>
      <c r="D179" s="49"/>
      <c r="E179" s="89"/>
      <c r="F179" s="90"/>
    </row>
    <row r="180" spans="2:7" s="2" customFormat="1" ht="67.5" customHeight="1" x14ac:dyDescent="0.25">
      <c r="B180" s="48" t="s">
        <v>294</v>
      </c>
      <c r="C180" s="2" t="s">
        <v>295</v>
      </c>
      <c r="D180" s="49"/>
      <c r="E180" s="89"/>
      <c r="F180" s="90"/>
    </row>
    <row r="181" spans="2:7" s="2" customFormat="1" ht="60.75" customHeight="1" thickBot="1" x14ac:dyDescent="0.3">
      <c r="B181" s="54" t="s">
        <v>296</v>
      </c>
      <c r="C181" s="84" t="s">
        <v>297</v>
      </c>
      <c r="D181" s="50"/>
      <c r="E181" s="144"/>
      <c r="F181" s="145"/>
    </row>
    <row r="182" spans="2:7" s="3" customFormat="1" ht="5.0999999999999996" customHeight="1" x14ac:dyDescent="0.25">
      <c r="B182" s="5"/>
      <c r="C182" s="5"/>
      <c r="D182" s="7"/>
      <c r="E182" s="7"/>
      <c r="F182" s="26"/>
      <c r="G182" s="2"/>
    </row>
    <row r="183" spans="2:7" s="2" customFormat="1" ht="20.100000000000001" customHeight="1" x14ac:dyDescent="0.25">
      <c r="B183" s="102" t="s">
        <v>54</v>
      </c>
      <c r="C183" s="102"/>
      <c r="D183" s="102"/>
      <c r="E183" s="102"/>
      <c r="F183" s="102"/>
    </row>
    <row r="184" spans="2:7" s="2" customFormat="1" ht="4.5" customHeight="1" thickBot="1" x14ac:dyDescent="0.3"/>
    <row r="185" spans="2:7" s="2" customFormat="1" ht="80.25" customHeight="1" x14ac:dyDescent="0.25">
      <c r="B185" s="123" t="s">
        <v>55</v>
      </c>
      <c r="C185" s="124"/>
      <c r="D185" s="115" t="s">
        <v>56</v>
      </c>
      <c r="E185" s="116"/>
      <c r="F185" s="117"/>
    </row>
    <row r="186" spans="2:7" s="3" customFormat="1" ht="29.25" customHeight="1" thickBot="1" x14ac:dyDescent="0.3">
      <c r="B186" s="125"/>
      <c r="C186" s="126"/>
      <c r="D186" s="24" t="s">
        <v>7</v>
      </c>
      <c r="E186" s="140" t="s">
        <v>32</v>
      </c>
      <c r="F186" s="141"/>
      <c r="G186" s="2"/>
    </row>
    <row r="187" spans="2:7" s="3" customFormat="1" ht="27" customHeight="1" x14ac:dyDescent="0.25">
      <c r="B187" s="51" t="s">
        <v>16</v>
      </c>
      <c r="C187" s="52" t="s">
        <v>69</v>
      </c>
      <c r="D187" s="53"/>
      <c r="E187" s="138"/>
      <c r="F187" s="139"/>
      <c r="G187" s="2"/>
    </row>
    <row r="188" spans="2:7" s="3" customFormat="1" ht="30.75" customHeight="1" thickBot="1" x14ac:dyDescent="0.3">
      <c r="B188" s="54" t="s">
        <v>58</v>
      </c>
      <c r="C188" s="57" t="s">
        <v>57</v>
      </c>
      <c r="D188" s="55"/>
      <c r="E188" s="144"/>
      <c r="F188" s="145"/>
      <c r="G188" s="2"/>
    </row>
    <row r="189" spans="2:7" s="2" customFormat="1" ht="5.0999999999999996" customHeight="1" x14ac:dyDescent="0.25">
      <c r="B189" s="5"/>
      <c r="C189" s="5"/>
      <c r="D189" s="7"/>
      <c r="E189" s="7"/>
      <c r="F189" s="26"/>
    </row>
    <row r="190" spans="2:7" s="2" customFormat="1" ht="20.100000000000001" customHeight="1" x14ac:dyDescent="0.25">
      <c r="B190" s="102" t="s">
        <v>15</v>
      </c>
      <c r="C190" s="102"/>
      <c r="D190" s="102"/>
      <c r="E190" s="102"/>
      <c r="F190" s="102"/>
    </row>
    <row r="191" spans="2:7" s="3" customFormat="1" ht="30" customHeight="1" x14ac:dyDescent="0.25">
      <c r="B191" s="5" t="s">
        <v>17</v>
      </c>
      <c r="C191" s="131" t="s">
        <v>84</v>
      </c>
      <c r="D191" s="131"/>
      <c r="E191" s="131"/>
      <c r="F191" s="131"/>
      <c r="G191" s="2"/>
    </row>
    <row r="192" spans="2:7" s="28" customFormat="1" ht="30" customHeight="1" x14ac:dyDescent="0.25">
      <c r="B192" s="5" t="s">
        <v>33</v>
      </c>
      <c r="C192" s="131" t="s">
        <v>34</v>
      </c>
      <c r="D192" s="131"/>
      <c r="E192" s="131"/>
      <c r="F192" s="131"/>
      <c r="G192" s="2"/>
    </row>
    <row r="193" spans="2:7" s="28" customFormat="1" ht="30" customHeight="1" x14ac:dyDescent="0.25">
      <c r="B193" s="132" t="s">
        <v>35</v>
      </c>
      <c r="C193" s="132"/>
      <c r="D193" s="132"/>
      <c r="E193" s="132"/>
      <c r="F193" s="3"/>
      <c r="G193" s="2"/>
    </row>
    <row r="194" spans="2:7" s="2" customFormat="1" ht="24.95" customHeight="1" x14ac:dyDescent="0.25">
      <c r="B194" s="27" t="s">
        <v>36</v>
      </c>
      <c r="C194" s="129"/>
      <c r="D194" s="129"/>
      <c r="F194" s="28"/>
    </row>
    <row r="195" spans="2:7" s="2" customFormat="1" ht="24.95" customHeight="1" x14ac:dyDescent="0.25">
      <c r="B195" s="27" t="s">
        <v>37</v>
      </c>
      <c r="C195" s="129"/>
      <c r="D195" s="129"/>
      <c r="F195" s="28"/>
    </row>
    <row r="196" spans="2:7" s="2" customFormat="1" ht="24.95" customHeight="1" x14ac:dyDescent="0.25">
      <c r="B196" s="27" t="s">
        <v>38</v>
      </c>
      <c r="C196" s="129"/>
      <c r="D196" s="129"/>
      <c r="F196" s="28"/>
    </row>
    <row r="197" spans="2:7" s="3" customFormat="1" ht="24.95" customHeight="1" x14ac:dyDescent="0.25">
      <c r="B197" s="27" t="s">
        <v>39</v>
      </c>
      <c r="C197" s="129"/>
      <c r="D197" s="129"/>
      <c r="E197" s="2"/>
      <c r="F197" s="29"/>
      <c r="G197" s="2"/>
    </row>
    <row r="198" spans="2:7" s="2" customFormat="1" ht="14.25" customHeight="1" x14ac:dyDescent="0.2">
      <c r="B198" s="11"/>
      <c r="C198" s="12"/>
      <c r="D198" s="12"/>
      <c r="F198" s="30"/>
    </row>
    <row r="199" spans="2:7" s="3" customFormat="1" ht="15" customHeight="1" x14ac:dyDescent="0.25">
      <c r="B199" s="133" t="s">
        <v>40</v>
      </c>
      <c r="C199" s="133"/>
      <c r="D199" s="133"/>
      <c r="E199" s="133"/>
      <c r="F199" s="133"/>
    </row>
    <row r="200" spans="2:7" s="2" customFormat="1" ht="36.75" customHeight="1" x14ac:dyDescent="0.25">
      <c r="B200" s="130" t="s">
        <v>51</v>
      </c>
      <c r="C200" s="130"/>
      <c r="D200" s="130"/>
      <c r="E200" s="130"/>
      <c r="F200" s="130"/>
    </row>
    <row r="201" spans="2:7" s="2" customFormat="1" ht="20.100000000000001" customHeight="1" x14ac:dyDescent="0.2">
      <c r="B201" s="1"/>
      <c r="C201" s="1"/>
      <c r="D201" s="8"/>
      <c r="E201" s="8"/>
    </row>
    <row r="202" spans="2:7" s="3" customFormat="1" ht="4.5" customHeight="1" x14ac:dyDescent="0.2">
      <c r="B202" s="1"/>
      <c r="C202" s="1"/>
      <c r="D202" s="8"/>
      <c r="E202" s="8"/>
      <c r="F202" s="2"/>
    </row>
    <row r="203" spans="2:7" s="3" customFormat="1" ht="20.100000000000001" customHeight="1" x14ac:dyDescent="0.25">
      <c r="B203" s="31" t="s">
        <v>41</v>
      </c>
      <c r="C203" s="32"/>
      <c r="D203" s="33" t="s">
        <v>42</v>
      </c>
      <c r="E203" s="127"/>
      <c r="F203" s="127"/>
    </row>
    <row r="204" spans="2:7" s="3" customFormat="1" ht="20.100000000000001" customHeight="1" x14ac:dyDescent="0.25">
      <c r="B204" s="34"/>
      <c r="C204" s="34"/>
      <c r="D204" s="34"/>
      <c r="E204" s="35"/>
      <c r="F204" s="35"/>
    </row>
    <row r="205" spans="2:7" ht="20.100000000000001" customHeight="1" x14ac:dyDescent="0.2">
      <c r="B205" s="31" t="s">
        <v>43</v>
      </c>
      <c r="C205" s="32"/>
      <c r="D205" s="36" t="s">
        <v>44</v>
      </c>
      <c r="E205" s="128"/>
      <c r="F205" s="128"/>
    </row>
    <row r="206" spans="2:7" s="2" customFormat="1" ht="20.100000000000001" customHeight="1" x14ac:dyDescent="0.2">
      <c r="B206" s="1"/>
      <c r="C206" s="1"/>
      <c r="D206" s="36" t="s">
        <v>45</v>
      </c>
      <c r="E206" s="129"/>
      <c r="F206" s="129"/>
    </row>
    <row r="207" spans="2:7" s="2" customFormat="1" ht="20.100000000000001" customHeight="1" x14ac:dyDescent="0.2">
      <c r="B207" s="1"/>
      <c r="C207" s="1"/>
      <c r="D207" s="37" t="s">
        <v>46</v>
      </c>
      <c r="E207" s="1"/>
    </row>
    <row r="208" spans="2:7" s="2" customFormat="1" ht="37.5" customHeight="1" x14ac:dyDescent="0.25"/>
    <row r="209" spans="2:5" s="2" customFormat="1" ht="24" customHeight="1" x14ac:dyDescent="0.25"/>
    <row r="210" spans="2:5" s="2" customFormat="1" ht="24" customHeight="1" x14ac:dyDescent="0.25"/>
    <row r="211" spans="2:5" s="2" customFormat="1" ht="24" customHeight="1" x14ac:dyDescent="0.25"/>
    <row r="212" spans="2:5" s="2" customFormat="1" ht="20.100000000000001" customHeight="1" x14ac:dyDescent="0.25"/>
    <row r="213" spans="2:5" s="2" customFormat="1" ht="20.100000000000001" customHeight="1" x14ac:dyDescent="0.25"/>
    <row r="214" spans="2:5" s="2" customFormat="1" ht="50.1" customHeight="1" x14ac:dyDescent="0.25"/>
    <row r="215" spans="2:5" s="2" customFormat="1" ht="43.5" customHeight="1" x14ac:dyDescent="0.25"/>
    <row r="216" spans="2:5" ht="24.75" customHeight="1" x14ac:dyDescent="0.2">
      <c r="B216" s="2"/>
      <c r="C216" s="2"/>
      <c r="D216" s="2"/>
      <c r="E216" s="2"/>
    </row>
    <row r="217" spans="2:5" x14ac:dyDescent="0.2">
      <c r="B217" s="2"/>
      <c r="C217" s="2"/>
      <c r="D217" s="2"/>
      <c r="E217" s="2"/>
    </row>
    <row r="218" spans="2:5" ht="20.100000000000001" customHeight="1" x14ac:dyDescent="0.2"/>
    <row r="219" spans="2:5" ht="4.5" customHeight="1" x14ac:dyDescent="0.2"/>
    <row r="220" spans="2:5" ht="20.100000000000001" customHeight="1" x14ac:dyDescent="0.2"/>
    <row r="221" spans="2:5" ht="20.100000000000001" customHeight="1" x14ac:dyDescent="0.2"/>
    <row r="222" spans="2:5" ht="20.100000000000001" customHeight="1" x14ac:dyDescent="0.2"/>
  </sheetData>
  <mergeCells count="187">
    <mergeCell ref="E164:F164"/>
    <mergeCell ref="E97:F97"/>
    <mergeCell ref="E104:F104"/>
    <mergeCell ref="E137:F137"/>
    <mergeCell ref="E138:F138"/>
    <mergeCell ref="E139:F139"/>
    <mergeCell ref="E140:F140"/>
    <mergeCell ref="E105:F105"/>
    <mergeCell ref="E122:F122"/>
    <mergeCell ref="E123:F123"/>
    <mergeCell ref="E124:F124"/>
    <mergeCell ref="E125:F125"/>
    <mergeCell ref="E89:F89"/>
    <mergeCell ref="E90:F90"/>
    <mergeCell ref="E91:F91"/>
    <mergeCell ref="E92:F92"/>
    <mergeCell ref="E88:F88"/>
    <mergeCell ref="B87:F87"/>
    <mergeCell ref="E161:F161"/>
    <mergeCell ref="E162:F162"/>
    <mergeCell ref="E163:F163"/>
    <mergeCell ref="E80:F80"/>
    <mergeCell ref="E81:F81"/>
    <mergeCell ref="E82:F82"/>
    <mergeCell ref="E83:F83"/>
    <mergeCell ref="E84:F84"/>
    <mergeCell ref="E85:F85"/>
    <mergeCell ref="E86:F86"/>
    <mergeCell ref="E71:F71"/>
    <mergeCell ref="E72:F72"/>
    <mergeCell ref="E73:F73"/>
    <mergeCell ref="E74:F74"/>
    <mergeCell ref="E75:F75"/>
    <mergeCell ref="E76:F76"/>
    <mergeCell ref="E77:F77"/>
    <mergeCell ref="E78:F78"/>
    <mergeCell ref="E79:F79"/>
    <mergeCell ref="E188:F188"/>
    <mergeCell ref="B183:F183"/>
    <mergeCell ref="B185:C186"/>
    <mergeCell ref="D185:F185"/>
    <mergeCell ref="E186:F186"/>
    <mergeCell ref="E165:F165"/>
    <mergeCell ref="E166:F166"/>
    <mergeCell ref="E179:F179"/>
    <mergeCell ref="E180:F180"/>
    <mergeCell ref="E181:F181"/>
    <mergeCell ref="E167:F167"/>
    <mergeCell ref="E168:F168"/>
    <mergeCell ref="E169:F169"/>
    <mergeCell ref="E170:F170"/>
    <mergeCell ref="E171:F171"/>
    <mergeCell ref="E172:F172"/>
    <mergeCell ref="E173:F173"/>
    <mergeCell ref="E174:F174"/>
    <mergeCell ref="E175:F175"/>
    <mergeCell ref="E176:F176"/>
    <mergeCell ref="E177:F177"/>
    <mergeCell ref="E178:F178"/>
    <mergeCell ref="E126:F126"/>
    <mergeCell ref="E127:F127"/>
    <mergeCell ref="E128:F128"/>
    <mergeCell ref="E129:F129"/>
    <mergeCell ref="E109:F109"/>
    <mergeCell ref="E110:F110"/>
    <mergeCell ref="E111:F111"/>
    <mergeCell ref="E112:F112"/>
    <mergeCell ref="E113:F113"/>
    <mergeCell ref="E114:F114"/>
    <mergeCell ref="E115:F115"/>
    <mergeCell ref="E116:F116"/>
    <mergeCell ref="B2:F2"/>
    <mergeCell ref="B1:F1"/>
    <mergeCell ref="B23:C23"/>
    <mergeCell ref="B26:C26"/>
    <mergeCell ref="E187:F187"/>
    <mergeCell ref="E107:F107"/>
    <mergeCell ref="E108:F108"/>
    <mergeCell ref="E117:F117"/>
    <mergeCell ref="E118:F118"/>
    <mergeCell ref="E119:F119"/>
    <mergeCell ref="E120:F120"/>
    <mergeCell ref="E121:F121"/>
    <mergeCell ref="E106:F106"/>
    <mergeCell ref="B100:F100"/>
    <mergeCell ref="B102:C103"/>
    <mergeCell ref="D102:F102"/>
    <mergeCell ref="E103:F103"/>
    <mergeCell ref="E47:F47"/>
    <mergeCell ref="B21:F21"/>
    <mergeCell ref="B16:D16"/>
    <mergeCell ref="B17:D17"/>
    <mergeCell ref="B18:F18"/>
    <mergeCell ref="B20:D20"/>
    <mergeCell ref="E53:F53"/>
    <mergeCell ref="B13:D13"/>
    <mergeCell ref="E42:F42"/>
    <mergeCell ref="E43:F43"/>
    <mergeCell ref="E203:F203"/>
    <mergeCell ref="E205:F205"/>
    <mergeCell ref="E206:F206"/>
    <mergeCell ref="B200:F200"/>
    <mergeCell ref="B190:F190"/>
    <mergeCell ref="C191:F191"/>
    <mergeCell ref="C192:F192"/>
    <mergeCell ref="B193:E193"/>
    <mergeCell ref="B199:F199"/>
    <mergeCell ref="C194:D194"/>
    <mergeCell ref="C195:D195"/>
    <mergeCell ref="C196:D196"/>
    <mergeCell ref="C197:D197"/>
    <mergeCell ref="E146:F146"/>
    <mergeCell ref="E147:F147"/>
    <mergeCell ref="E148:F148"/>
    <mergeCell ref="E149:F149"/>
    <mergeCell ref="E94:F94"/>
    <mergeCell ref="E95:F95"/>
    <mergeCell ref="E98:F98"/>
    <mergeCell ref="E96:F96"/>
    <mergeCell ref="E44:F44"/>
    <mergeCell ref="B19:F19"/>
    <mergeCell ref="E45:F45"/>
    <mergeCell ref="E46:F46"/>
    <mergeCell ref="E48:F48"/>
    <mergeCell ref="E49:F49"/>
    <mergeCell ref="D37:F37"/>
    <mergeCell ref="E38:F38"/>
    <mergeCell ref="E65:F65"/>
    <mergeCell ref="E56:F56"/>
    <mergeCell ref="E57:F57"/>
    <mergeCell ref="E62:F62"/>
    <mergeCell ref="E58:F58"/>
    <mergeCell ref="E59:F59"/>
    <mergeCell ref="E60:F60"/>
    <mergeCell ref="E41:F41"/>
    <mergeCell ref="B39:F39"/>
    <mergeCell ref="E40:F40"/>
    <mergeCell ref="C28:D28"/>
    <mergeCell ref="B35:F35"/>
    <mergeCell ref="B37:C38"/>
    <mergeCell ref="E66:F66"/>
    <mergeCell ref="E67:F67"/>
    <mergeCell ref="E68:F68"/>
    <mergeCell ref="E52:F52"/>
    <mergeCell ref="E93:F93"/>
    <mergeCell ref="E61:F61"/>
    <mergeCell ref="E63:F63"/>
    <mergeCell ref="E64:F64"/>
    <mergeCell ref="B3:F3"/>
    <mergeCell ref="B7:F7"/>
    <mergeCell ref="B8:F8"/>
    <mergeCell ref="B9:F9"/>
    <mergeCell ref="B11:F11"/>
    <mergeCell ref="B12:D12"/>
    <mergeCell ref="C29:D29"/>
    <mergeCell ref="B22:F22"/>
    <mergeCell ref="C27:D27"/>
    <mergeCell ref="B31:C31"/>
    <mergeCell ref="E69:F69"/>
    <mergeCell ref="E70:F70"/>
    <mergeCell ref="E50:F50"/>
    <mergeCell ref="E51:F51"/>
    <mergeCell ref="E54:F54"/>
    <mergeCell ref="E55:F55"/>
    <mergeCell ref="E152:F152"/>
    <mergeCell ref="E153:F153"/>
    <mergeCell ref="E154:F154"/>
    <mergeCell ref="E155:F155"/>
    <mergeCell ref="E156:F156"/>
    <mergeCell ref="E157:F157"/>
    <mergeCell ref="E158:F158"/>
    <mergeCell ref="E159:F159"/>
    <mergeCell ref="E160:F160"/>
    <mergeCell ref="E150:F150"/>
    <mergeCell ref="E151:F151"/>
    <mergeCell ref="E130:F130"/>
    <mergeCell ref="E131:F131"/>
    <mergeCell ref="E132:F132"/>
    <mergeCell ref="E133:F133"/>
    <mergeCell ref="E134:F134"/>
    <mergeCell ref="E135:F135"/>
    <mergeCell ref="E136:F136"/>
    <mergeCell ref="E141:F141"/>
    <mergeCell ref="E142:F142"/>
    <mergeCell ref="E143:F143"/>
    <mergeCell ref="E144:F144"/>
    <mergeCell ref="E145:F145"/>
  </mergeCells>
  <conditionalFormatting sqref="D47 D93:D98 D121:D123 D125:D181">
    <cfRule type="containsBlanks" dxfId="30" priority="90">
      <formula>LEN(TRIM(D47))=0</formula>
    </cfRule>
  </conditionalFormatting>
  <conditionalFormatting sqref="E205:F205">
    <cfRule type="containsBlanks" dxfId="29" priority="89">
      <formula>LEN(TRIM(E205))=0</formula>
    </cfRule>
  </conditionalFormatting>
  <conditionalFormatting sqref="C203">
    <cfRule type="containsBlanks" dxfId="28" priority="87">
      <formula>LEN(TRIM(C203))=0</formula>
    </cfRule>
  </conditionalFormatting>
  <conditionalFormatting sqref="E206:F206">
    <cfRule type="containsBlanks" dxfId="27" priority="88">
      <formula>LEN(TRIM(E206))=0</formula>
    </cfRule>
  </conditionalFormatting>
  <conditionalFormatting sqref="C205">
    <cfRule type="containsBlanks" dxfId="26" priority="86">
      <formula>LEN(TRIM(C205))=0</formula>
    </cfRule>
  </conditionalFormatting>
  <conditionalFormatting sqref="C4:C5">
    <cfRule type="containsBlanks" dxfId="25" priority="85">
      <formula>LEN(TRIM(C4))=0</formula>
    </cfRule>
  </conditionalFormatting>
  <conditionalFormatting sqref="D40">
    <cfRule type="containsBlanks" dxfId="24" priority="84">
      <formula>LEN(TRIM(D40))=0</formula>
    </cfRule>
  </conditionalFormatting>
  <conditionalFormatting sqref="D187">
    <cfRule type="containsBlanks" dxfId="23" priority="79">
      <formula>LEN(TRIM(D187))=0</formula>
    </cfRule>
  </conditionalFormatting>
  <conditionalFormatting sqref="C196:D196">
    <cfRule type="containsBlanks" dxfId="22" priority="75">
      <formula>LEN(TRIM(C196))=0</formula>
    </cfRule>
  </conditionalFormatting>
  <conditionalFormatting sqref="D44">
    <cfRule type="containsBlanks" dxfId="21" priority="60">
      <formula>LEN(TRIM(D44))=0</formula>
    </cfRule>
  </conditionalFormatting>
  <conditionalFormatting sqref="D45">
    <cfRule type="containsBlanks" dxfId="20" priority="59">
      <formula>LEN(TRIM(D45))=0</formula>
    </cfRule>
  </conditionalFormatting>
  <conditionalFormatting sqref="D48">
    <cfRule type="containsBlanks" dxfId="19" priority="55">
      <formula>LEN(TRIM(D48))=0</formula>
    </cfRule>
  </conditionalFormatting>
  <conditionalFormatting sqref="D41">
    <cfRule type="containsBlanks" dxfId="18" priority="57">
      <formula>LEN(TRIM(D41))=0</formula>
    </cfRule>
  </conditionalFormatting>
  <conditionalFormatting sqref="D49">
    <cfRule type="containsBlanks" dxfId="17" priority="53">
      <formula>LEN(TRIM(D49))=0</formula>
    </cfRule>
  </conditionalFormatting>
  <conditionalFormatting sqref="D50 D52">
    <cfRule type="containsBlanks" dxfId="16" priority="39">
      <formula>LEN(TRIM(D50))=0</formula>
    </cfRule>
  </conditionalFormatting>
  <conditionalFormatting sqref="C195:D195">
    <cfRule type="containsBlanks" dxfId="15" priority="26">
      <formula>LEN(TRIM(C195))=0</formula>
    </cfRule>
  </conditionalFormatting>
  <conditionalFormatting sqref="C194:D194">
    <cfRule type="containsBlanks" dxfId="14" priority="25">
      <formula>LEN(TRIM(C194))=0</formula>
    </cfRule>
  </conditionalFormatting>
  <conditionalFormatting sqref="C197:D197">
    <cfRule type="containsBlanks" dxfId="13" priority="24">
      <formula>LEN(TRIM(C197))=0</formula>
    </cfRule>
  </conditionalFormatting>
  <conditionalFormatting sqref="D77:D86 D88:D92">
    <cfRule type="containsBlanks" dxfId="12" priority="20">
      <formula>LEN(TRIM(D77))=0</formula>
    </cfRule>
  </conditionalFormatting>
  <conditionalFormatting sqref="D104:D120">
    <cfRule type="containsBlanks" dxfId="11" priority="19">
      <formula>LEN(TRIM(D104))=0</formula>
    </cfRule>
  </conditionalFormatting>
  <conditionalFormatting sqref="D188">
    <cfRule type="containsBlanks" dxfId="10" priority="17">
      <formula>LEN(TRIM(D188))=0</formula>
    </cfRule>
  </conditionalFormatting>
  <conditionalFormatting sqref="D124">
    <cfRule type="containsBlanks" dxfId="9" priority="16">
      <formula>LEN(TRIM(D124))=0</formula>
    </cfRule>
  </conditionalFormatting>
  <conditionalFormatting sqref="D51">
    <cfRule type="containsBlanks" dxfId="8" priority="12">
      <formula>LEN(TRIM(D51))=0</formula>
    </cfRule>
  </conditionalFormatting>
  <conditionalFormatting sqref="D53">
    <cfRule type="containsBlanks" dxfId="7" priority="6">
      <formula>LEN(TRIM(D53))=0</formula>
    </cfRule>
  </conditionalFormatting>
  <conditionalFormatting sqref="D54:D64">
    <cfRule type="containsBlanks" dxfId="6" priority="5">
      <formula>LEN(TRIM(D54))=0</formula>
    </cfRule>
  </conditionalFormatting>
  <conditionalFormatting sqref="D65">
    <cfRule type="containsBlanks" dxfId="5" priority="4">
      <formula>LEN(TRIM(D65))=0</formula>
    </cfRule>
  </conditionalFormatting>
  <conditionalFormatting sqref="D42:D43">
    <cfRule type="containsBlanks" dxfId="4" priority="8">
      <formula>LEN(TRIM(D42))=0</formula>
    </cfRule>
  </conditionalFormatting>
  <conditionalFormatting sqref="D46">
    <cfRule type="containsBlanks" dxfId="3" priority="7">
      <formula>LEN(TRIM(D46))=0</formula>
    </cfRule>
  </conditionalFormatting>
  <conditionalFormatting sqref="D66:D74">
    <cfRule type="containsBlanks" dxfId="2" priority="3">
      <formula>LEN(TRIM(D66))=0</formula>
    </cfRule>
  </conditionalFormatting>
  <conditionalFormatting sqref="D75">
    <cfRule type="containsBlanks" dxfId="1" priority="2">
      <formula>LEN(TRIM(D75))=0</formula>
    </cfRule>
  </conditionalFormatting>
  <conditionalFormatting sqref="D76">
    <cfRule type="containsBlanks" dxfId="0" priority="1">
      <formula>LEN(TRIM(D76))=0</formula>
    </cfRule>
  </conditionalFormatting>
  <printOptions horizontalCentered="1"/>
  <pageMargins left="0.70866141732283472" right="0.70866141732283472" top="0.9055118110236221" bottom="0.74803149606299213" header="0.31496062992125984" footer="0.31496062992125984"/>
  <pageSetup paperSize="9" scale="64"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49" min="1" max="5" man="1"/>
    <brk id="94" min="1" max="5" man="1"/>
    <brk id="138"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1</xdr:row>
                    <xdr:rowOff>9525</xdr:rowOff>
                  </from>
                  <to>
                    <xdr:col>1</xdr:col>
                    <xdr:colOff>885825</xdr:colOff>
                    <xdr:row>31</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2</xdr:row>
                    <xdr:rowOff>0</xdr:rowOff>
                  </from>
                  <to>
                    <xdr:col>1</xdr:col>
                    <xdr:colOff>885825</xdr:colOff>
                    <xdr:row>32</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3-05-19T07:27:10Z</cp:lastPrinted>
  <dcterms:created xsi:type="dcterms:W3CDTF">2017-04-21T05:51:15Z</dcterms:created>
  <dcterms:modified xsi:type="dcterms:W3CDTF">2023-05-19T07:27:16Z</dcterms:modified>
</cp:coreProperties>
</file>